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0" yWindow="0" windowWidth="14390" windowHeight="12760"/>
  </bookViews>
  <sheets>
    <sheet name="福祉型障害児入所" sheetId="1" r:id="rId1"/>
  </sheets>
  <definedNames>
    <definedName name="_xlnm.Print_Area" localSheetId="0">福祉型障害児入所!$A$1:$J$230</definedName>
  </definedNames>
  <calcPr calcId="125725"/>
</workbook>
</file>

<file path=xl/sharedStrings.xml><?xml version="1.0" encoding="utf-8"?>
<sst xmlns="http://schemas.openxmlformats.org/spreadsheetml/2006/main" count="355" uniqueCount="160">
  <si>
    <t>パンフレット等</t>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1"/>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1"/>
  </si>
  <si>
    <t>職員の一覧表</t>
  </si>
  <si>
    <t>アセスメント票（様式）</t>
    <phoneticPr fontId="1"/>
  </si>
  <si>
    <t>入所支援計画（氏名等個人を特定するものは消してください。）</t>
    <rPh sb="0" eb="2">
      <t>ニュウショ</t>
    </rPh>
    <rPh sb="2" eb="4">
      <t>シエン</t>
    </rPh>
    <phoneticPr fontId="1"/>
  </si>
  <si>
    <t>運営規程</t>
  </si>
  <si>
    <t>重要事項説明書（様式）</t>
  </si>
  <si>
    <t>契約書（様式）</t>
  </si>
  <si>
    <t xml:space="preserve">    がありますか。</t>
    <phoneticPr fontId="1"/>
  </si>
  <si>
    <t>）</t>
    <phoneticPr fontId="1"/>
  </si>
  <si>
    <t>診療科名</t>
    <rPh sb="0" eb="2">
      <t>シンリョウ</t>
    </rPh>
    <rPh sb="2" eb="3">
      <t>カ</t>
    </rPh>
    <rPh sb="3" eb="4">
      <t>ナ</t>
    </rPh>
    <phoneticPr fontId="1"/>
  </si>
  <si>
    <t>名称</t>
    <rPh sb="0" eb="2">
      <t>メイショウ</t>
    </rPh>
    <phoneticPr fontId="1"/>
  </si>
  <si>
    <t>人</t>
  </si>
  <si>
    <t xml:space="preserve">      人</t>
    <rPh sb="6" eb="7">
      <t>ヒト</t>
    </rPh>
    <phoneticPr fontId="1"/>
  </si>
  <si>
    <t>非常勤</t>
    <rPh sb="0" eb="3">
      <t>ヒジョウキン</t>
    </rPh>
    <phoneticPr fontId="1"/>
  </si>
  <si>
    <t>人（常勤</t>
    <rPh sb="0" eb="1">
      <t>ヒト</t>
    </rPh>
    <rPh sb="2" eb="4">
      <t>ジョウキン</t>
    </rPh>
    <phoneticPr fontId="1"/>
  </si>
  <si>
    <t>心理指導担当職員</t>
    <rPh sb="0" eb="2">
      <t>シンリ</t>
    </rPh>
    <rPh sb="2" eb="4">
      <t>シドウ</t>
    </rPh>
    <rPh sb="4" eb="6">
      <t>タントウ</t>
    </rPh>
    <rPh sb="6" eb="8">
      <t>ショクイン</t>
    </rPh>
    <phoneticPr fontId="1"/>
  </si>
  <si>
    <t>調理員</t>
    <rPh sb="0" eb="3">
      <t>チョウリイン</t>
    </rPh>
    <phoneticPr fontId="1"/>
  </si>
  <si>
    <t>栄養士</t>
    <rPh sb="0" eb="3">
      <t>エイヨウシ</t>
    </rPh>
    <phoneticPr fontId="1"/>
  </si>
  <si>
    <t>保育士</t>
    <rPh sb="0" eb="2">
      <t>ホイク</t>
    </rPh>
    <rPh sb="2" eb="3">
      <t>シ</t>
    </rPh>
    <phoneticPr fontId="1"/>
  </si>
  <si>
    <t>児童指導員</t>
    <rPh sb="0" eb="2">
      <t>ジドウ</t>
    </rPh>
    <rPh sb="2" eb="5">
      <t>シドウイン</t>
    </rPh>
    <phoneticPr fontId="1"/>
  </si>
  <si>
    <t xml:space="preserve"> 人</t>
    <rPh sb="1" eb="2">
      <t>ヒト</t>
    </rPh>
    <phoneticPr fontId="1"/>
  </si>
  <si>
    <t>嘱託医</t>
    <rPh sb="0" eb="2">
      <t>ショクタク</t>
    </rPh>
    <rPh sb="2" eb="3">
      <t>イ</t>
    </rPh>
    <phoneticPr fontId="1"/>
  </si>
  <si>
    <t>内訳</t>
    <rPh sb="0" eb="2">
      <t>ウチワケ</t>
    </rPh>
    <phoneticPr fontId="1"/>
  </si>
  <si>
    <t>人</t>
    <rPh sb="0" eb="1">
      <t>ヒト</t>
    </rPh>
    <phoneticPr fontId="1"/>
  </si>
  <si>
    <t>ＦＡＸ</t>
    <phoneticPr fontId="1"/>
  </si>
  <si>
    <t>ＴＥＬ</t>
    <phoneticPr fontId="1"/>
  </si>
  <si>
    <t>〒</t>
    <phoneticPr fontId="1"/>
  </si>
  <si>
    <t>４　施設の住所、連絡先</t>
    <rPh sb="2" eb="4">
      <t>シセツ</t>
    </rPh>
    <rPh sb="5" eb="7">
      <t>ジュウショ</t>
    </rPh>
    <rPh sb="8" eb="11">
      <t>レンラクサキ</t>
    </rPh>
    <phoneticPr fontId="1"/>
  </si>
  <si>
    <t>３　施設の名称</t>
    <rPh sb="2" eb="4">
      <t>シセツ</t>
    </rPh>
    <rPh sb="5" eb="7">
      <t>メイショウ</t>
    </rPh>
    <phoneticPr fontId="1"/>
  </si>
  <si>
    <t>２　経営主体の住所</t>
    <rPh sb="2" eb="4">
      <t>ケイエイ</t>
    </rPh>
    <rPh sb="4" eb="6">
      <t>シュタイ</t>
    </rPh>
    <rPh sb="7" eb="9">
      <t>ジュウショ</t>
    </rPh>
    <phoneticPr fontId="1"/>
  </si>
  <si>
    <t>１　経営主体の名称</t>
    <rPh sb="2" eb="4">
      <t>ケイエイ</t>
    </rPh>
    <rPh sb="4" eb="6">
      <t>シュタイ</t>
    </rPh>
    <rPh sb="7" eb="9">
      <t>メイショウ</t>
    </rPh>
    <phoneticPr fontId="1"/>
  </si>
  <si>
    <t>【福祉型障害児入所施設】</t>
    <rPh sb="1" eb="4">
      <t>フクシガタ</t>
    </rPh>
    <rPh sb="4" eb="6">
      <t>ショウガイ</t>
    </rPh>
    <rPh sb="6" eb="7">
      <t>ジ</t>
    </rPh>
    <rPh sb="7" eb="9">
      <t>ニュウショ</t>
    </rPh>
    <rPh sb="9" eb="11">
      <t>シセツ</t>
    </rPh>
    <phoneticPr fontId="1"/>
  </si>
  <si>
    <t>日</t>
    <rPh sb="0" eb="1">
      <t>ニチ</t>
    </rPh>
    <phoneticPr fontId="1"/>
  </si>
  <si>
    <t>人</t>
    <rPh sb="0" eb="1">
      <t>ニン</t>
    </rPh>
    <phoneticPr fontId="1"/>
  </si>
  <si>
    <t>　年　月</t>
    <rPh sb="1" eb="2">
      <t>トシ</t>
    </rPh>
    <rPh sb="3" eb="4">
      <t>ツキ</t>
    </rPh>
    <phoneticPr fontId="1"/>
  </si>
  <si>
    <t>　ださい。</t>
    <phoneticPr fontId="1"/>
  </si>
  <si>
    <t xml:space="preserve">      人</t>
    <rPh sb="6" eb="7">
      <t>ニン</t>
    </rPh>
    <phoneticPr fontId="1"/>
  </si>
  <si>
    <t>　年　月　日</t>
    <rPh sb="1" eb="2">
      <t>ネン</t>
    </rPh>
    <rPh sb="3" eb="4">
      <t>ガツ</t>
    </rPh>
    <rPh sb="5" eb="6">
      <t>ニチ</t>
    </rPh>
    <phoneticPr fontId="1"/>
  </si>
  <si>
    <t>　記載してください。</t>
    <phoneticPr fontId="1"/>
  </si>
  <si>
    <t>　　減算</t>
    <phoneticPr fontId="1"/>
  </si>
  <si>
    <t>なし</t>
    <phoneticPr fontId="1"/>
  </si>
  <si>
    <t>あり</t>
    <phoneticPr fontId="1"/>
  </si>
  <si>
    <t>　(3) 入所支援計画が作成されていない場合による</t>
    <rPh sb="5" eb="7">
      <t>ニュウショ</t>
    </rPh>
    <rPh sb="7" eb="9">
      <t>シエン</t>
    </rPh>
    <rPh sb="9" eb="11">
      <t>ケイカク</t>
    </rPh>
    <rPh sb="12" eb="14">
      <t>サクセイ</t>
    </rPh>
    <rPh sb="20" eb="22">
      <t>バアイ</t>
    </rPh>
    <phoneticPr fontId="1"/>
  </si>
  <si>
    <t>　　所施設による減算</t>
    <rPh sb="3" eb="5">
      <t>シセツ</t>
    </rPh>
    <phoneticPr fontId="1"/>
  </si>
  <si>
    <t>　(1) 地方公共団体が設置する指定福祉型障害児入</t>
    <rPh sb="5" eb="7">
      <t>チホウ</t>
    </rPh>
    <rPh sb="7" eb="9">
      <t>コウキョウ</t>
    </rPh>
    <rPh sb="9" eb="11">
      <t>ダンタイ</t>
    </rPh>
    <rPh sb="12" eb="14">
      <t>セッチ</t>
    </rPh>
    <rPh sb="16" eb="18">
      <t>シテイ</t>
    </rPh>
    <rPh sb="18" eb="20">
      <t>フクシ</t>
    </rPh>
    <rPh sb="20" eb="21">
      <t>ガタ</t>
    </rPh>
    <rPh sb="21" eb="24">
      <t>ショウガイジ</t>
    </rPh>
    <rPh sb="24" eb="25">
      <t>ニュウ</t>
    </rPh>
    <phoneticPr fontId="1"/>
  </si>
  <si>
    <t>なし</t>
  </si>
  <si>
    <t>あり（　Ⅰ・Ⅱ　）</t>
    <phoneticPr fontId="1"/>
  </si>
  <si>
    <t>㎡</t>
    <phoneticPr fontId="1"/>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1"/>
  </si>
  <si>
    <t>はい</t>
  </si>
  <si>
    <t>いいえ</t>
  </si>
  <si>
    <t>施設・設備</t>
    <rPh sb="0" eb="2">
      <t>シセツ</t>
    </rPh>
    <rPh sb="3" eb="5">
      <t>セツビ</t>
    </rPh>
    <phoneticPr fontId="2"/>
  </si>
  <si>
    <t>設置義務</t>
    <rPh sb="0" eb="2">
      <t>セッチ</t>
    </rPh>
    <rPh sb="2" eb="4">
      <t>ギム</t>
    </rPh>
    <phoneticPr fontId="1"/>
  </si>
  <si>
    <t>現状</t>
    <rPh sb="0" eb="2">
      <t>ゲンジョウ</t>
    </rPh>
    <phoneticPr fontId="1"/>
  </si>
  <si>
    <t>防火設備</t>
    <rPh sb="0" eb="2">
      <t>ボウカ</t>
    </rPh>
    <rPh sb="2" eb="4">
      <t>セツビ</t>
    </rPh>
    <phoneticPr fontId="1"/>
  </si>
  <si>
    <t>避難階段</t>
    <rPh sb="0" eb="2">
      <t>ヒナン</t>
    </rPh>
    <rPh sb="2" eb="4">
      <t>カイダン</t>
    </rPh>
    <phoneticPr fontId="3"/>
  </si>
  <si>
    <t>有・無</t>
    <rPh sb="0" eb="1">
      <t>ア</t>
    </rPh>
    <rPh sb="2" eb="3">
      <t>ム</t>
    </rPh>
    <phoneticPr fontId="1"/>
  </si>
  <si>
    <t>　有（　　ヵ所）　・　無</t>
    <rPh sb="1" eb="2">
      <t>ユウ</t>
    </rPh>
    <rPh sb="6" eb="7">
      <t>ショ</t>
    </rPh>
    <rPh sb="11" eb="12">
      <t>ム</t>
    </rPh>
    <phoneticPr fontId="3"/>
  </si>
  <si>
    <t>避難口</t>
    <rPh sb="0" eb="2">
      <t>ヒナン</t>
    </rPh>
    <rPh sb="2" eb="3">
      <t>グチ</t>
    </rPh>
    <phoneticPr fontId="3"/>
  </si>
  <si>
    <t>居室・廊下・階段等の内装</t>
    <rPh sb="0" eb="2">
      <t>キョシツ</t>
    </rPh>
    <rPh sb="3" eb="5">
      <t>ロウカ</t>
    </rPh>
    <rPh sb="6" eb="8">
      <t>カイダン</t>
    </rPh>
    <rPh sb="8" eb="9">
      <t>トウ</t>
    </rPh>
    <rPh sb="10" eb="12">
      <t>ナイソウ</t>
    </rPh>
    <phoneticPr fontId="1"/>
  </si>
  <si>
    <t>　適　・　不適</t>
    <rPh sb="1" eb="7">
      <t>テキフテキ</t>
    </rPh>
    <phoneticPr fontId="3"/>
  </si>
  <si>
    <t>防火戸・防火シャッター</t>
    <rPh sb="0" eb="2">
      <t>ボウカ</t>
    </rPh>
    <rPh sb="2" eb="3">
      <t>ト</t>
    </rPh>
    <rPh sb="4" eb="6">
      <t>ボウカ</t>
    </rPh>
    <phoneticPr fontId="1"/>
  </si>
  <si>
    <t>消防用設備</t>
    <rPh sb="0" eb="2">
      <t>ショウボウ</t>
    </rPh>
    <rPh sb="2" eb="3">
      <t>ヨウ</t>
    </rPh>
    <rPh sb="3" eb="5">
      <t>セツビ</t>
    </rPh>
    <phoneticPr fontId="1"/>
  </si>
  <si>
    <t>屋内消火栓設備</t>
    <rPh sb="0" eb="2">
      <t>オクナイ</t>
    </rPh>
    <rPh sb="2" eb="5">
      <t>ショウカセン</t>
    </rPh>
    <rPh sb="5" eb="7">
      <t>セツビ</t>
    </rPh>
    <phoneticPr fontId="1"/>
  </si>
  <si>
    <t>屋外消火栓設備</t>
    <rPh sb="0" eb="2">
      <t>オクガイ</t>
    </rPh>
    <rPh sb="2" eb="5">
      <t>ショウカセン</t>
    </rPh>
    <rPh sb="5" eb="7">
      <t>セツビ</t>
    </rPh>
    <phoneticPr fontId="1"/>
  </si>
  <si>
    <t>スプリンクラー設備</t>
    <rPh sb="7" eb="9">
      <t>セツビ</t>
    </rPh>
    <phoneticPr fontId="1"/>
  </si>
  <si>
    <t>　有　・　無</t>
    <rPh sb="1" eb="6">
      <t>ウム</t>
    </rPh>
    <phoneticPr fontId="3"/>
  </si>
  <si>
    <t>自動火災報知設備</t>
    <rPh sb="0" eb="2">
      <t>ジドウ</t>
    </rPh>
    <rPh sb="2" eb="4">
      <t>カサイ</t>
    </rPh>
    <rPh sb="4" eb="6">
      <t>ホウチ</t>
    </rPh>
    <rPh sb="6" eb="8">
      <t>セツビ</t>
    </rPh>
    <phoneticPr fontId="1"/>
  </si>
  <si>
    <t>火災通報装置</t>
    <rPh sb="0" eb="2">
      <t>カサイ</t>
    </rPh>
    <rPh sb="2" eb="4">
      <t>ツウホウ</t>
    </rPh>
    <rPh sb="4" eb="6">
      <t>ソウチ</t>
    </rPh>
    <phoneticPr fontId="1"/>
  </si>
  <si>
    <t>漏電火災警報機</t>
    <rPh sb="0" eb="2">
      <t>ロウデン</t>
    </rPh>
    <rPh sb="2" eb="4">
      <t>カサイ</t>
    </rPh>
    <rPh sb="4" eb="7">
      <t>ケイホウキ</t>
    </rPh>
    <phoneticPr fontId="1"/>
  </si>
  <si>
    <t>非常警報設備</t>
    <rPh sb="0" eb="2">
      <t>ヒジョウ</t>
    </rPh>
    <rPh sb="2" eb="4">
      <t>ケイホウ</t>
    </rPh>
    <rPh sb="4" eb="6">
      <t>セツビ</t>
    </rPh>
    <phoneticPr fontId="1"/>
  </si>
  <si>
    <t>避難器具（すべり台・救助袋）</t>
    <rPh sb="0" eb="2">
      <t>ヒナン</t>
    </rPh>
    <rPh sb="2" eb="4">
      <t>キグ</t>
    </rPh>
    <rPh sb="8" eb="9">
      <t>ダイ</t>
    </rPh>
    <rPh sb="10" eb="12">
      <t>キュウジョ</t>
    </rPh>
    <rPh sb="12" eb="13">
      <t>ブクロ</t>
    </rPh>
    <phoneticPr fontId="1"/>
  </si>
  <si>
    <t>誘導灯及び誘導標識</t>
    <rPh sb="0" eb="2">
      <t>ユウドウ</t>
    </rPh>
    <rPh sb="2" eb="3">
      <t>トウ</t>
    </rPh>
    <rPh sb="3" eb="4">
      <t>オヨ</t>
    </rPh>
    <rPh sb="5" eb="7">
      <t>ユウドウ</t>
    </rPh>
    <rPh sb="7" eb="9">
      <t>ヒョウシキ</t>
    </rPh>
    <phoneticPr fontId="1"/>
  </si>
  <si>
    <t>防火用水</t>
    <rPh sb="0" eb="4">
      <t>ボウカヨウスイ</t>
    </rPh>
    <phoneticPr fontId="1"/>
  </si>
  <si>
    <t>非常電源設備（自家発電設備）</t>
    <rPh sb="0" eb="4">
      <t>ヒジョウデンゲン</t>
    </rPh>
    <rPh sb="4" eb="6">
      <t>セツビ</t>
    </rPh>
    <rPh sb="7" eb="9">
      <t>ジカ</t>
    </rPh>
    <rPh sb="9" eb="11">
      <t>ハツデン</t>
    </rPh>
    <rPh sb="11" eb="13">
      <t>セツビ</t>
    </rPh>
    <phoneticPr fontId="1"/>
  </si>
  <si>
    <t>消火器具</t>
    <rPh sb="0" eb="2">
      <t>ショウカ</t>
    </rPh>
    <rPh sb="2" eb="4">
      <t>キグ</t>
    </rPh>
    <phoneticPr fontId="1"/>
  </si>
  <si>
    <t>　　　　　　　　　個</t>
    <rPh sb="9" eb="10">
      <t>コ</t>
    </rPh>
    <phoneticPr fontId="1"/>
  </si>
  <si>
    <t>有</t>
    <rPh sb="0" eb="1">
      <t>ア</t>
    </rPh>
    <phoneticPr fontId="1"/>
  </si>
  <si>
    <t>　(1) 利用児童と従業者を合算した人数が30人以上ですか。</t>
    <rPh sb="7" eb="9">
      <t>ジドウ</t>
    </rPh>
    <phoneticPr fontId="1"/>
  </si>
  <si>
    <t>　　責任者の氏名</t>
    <rPh sb="2" eb="5">
      <t>セキニンシャ</t>
    </rPh>
    <rPh sb="6" eb="8">
      <t>シメイ</t>
    </rPh>
    <phoneticPr fontId="1"/>
  </si>
  <si>
    <t>あり(Ⅰ･Ⅱ･Ⅲ･Ⅳ･Ⅴ･Ⅵ･Ⅶ)</t>
    <phoneticPr fontId="1"/>
  </si>
  <si>
    <t>あり（　Ⅰ・Ⅱ・Ⅲ　）</t>
    <phoneticPr fontId="1"/>
  </si>
  <si>
    <t>　(2) (1)で「はい」と答えた事業所のみ回答</t>
    <phoneticPr fontId="1"/>
  </si>
  <si>
    <t>　　　消防署等から消防法令等による設置義務があると指導された事項の有無について○を</t>
    <phoneticPr fontId="1"/>
  </si>
  <si>
    <t>　　つけてください。あわせて、添付書類の平面図に設置状況について記載してください。</t>
    <phoneticPr fontId="1"/>
  </si>
  <si>
    <t>カーテン・布製ブラインド等の防災性能</t>
    <phoneticPr fontId="1"/>
  </si>
  <si>
    <t>　(2) 以下(1)で「はい」と答えた事業所のみ回答</t>
    <phoneticPr fontId="1"/>
  </si>
  <si>
    <t xml:space="preserve">      防火管理者を選任していますか。</t>
    <phoneticPr fontId="1"/>
  </si>
  <si>
    <t xml:space="preserve">  (3) 消防計画を作成し、消防署に届け出ていますか。</t>
    <phoneticPr fontId="1"/>
  </si>
  <si>
    <t xml:space="preserve">  (4) 消防用設備等の点検を定期的に行っていますか。</t>
    <phoneticPr fontId="1"/>
  </si>
  <si>
    <t>★　次の資料を添付し、提出してください。</t>
    <rPh sb="11" eb="13">
      <t>テイシュツ</t>
    </rPh>
    <phoneticPr fontId="1"/>
  </si>
  <si>
    <t>（該当する項目に○を付けてください。）</t>
    <rPh sb="1" eb="3">
      <t>ガイトウ</t>
    </rPh>
    <rPh sb="5" eb="7">
      <t>コウモク</t>
    </rPh>
    <rPh sb="10" eb="11">
      <t>ツ</t>
    </rPh>
    <phoneticPr fontId="1"/>
  </si>
  <si>
    <t>　※提出いただく書類について、ホチキス等で綴じる必要はありません。</t>
    <rPh sb="2" eb="4">
      <t>テイシュツ</t>
    </rPh>
    <rPh sb="8" eb="10">
      <t>ショルイ</t>
    </rPh>
    <rPh sb="19" eb="20">
      <t>トウ</t>
    </rPh>
    <rPh sb="21" eb="22">
      <t>ト</t>
    </rPh>
    <rPh sb="24" eb="26">
      <t>ヒツヨウ</t>
    </rPh>
    <phoneticPr fontId="1"/>
  </si>
  <si>
    <t>○</t>
    <phoneticPr fontId="1"/>
  </si>
  <si>
    <t>【福祉型障害児入所施設】（運営編）</t>
    <rPh sb="1" eb="4">
      <t>フクシガタ</t>
    </rPh>
    <rPh sb="4" eb="7">
      <t>ショウガイジ</t>
    </rPh>
    <rPh sb="7" eb="9">
      <t>ニュウショ</t>
    </rPh>
    <rPh sb="9" eb="11">
      <t>シセツ</t>
    </rPh>
    <rPh sb="13" eb="15">
      <t>ウンエイ</t>
    </rPh>
    <rPh sb="15" eb="16">
      <t>ヘン</t>
    </rPh>
    <phoneticPr fontId="1"/>
  </si>
  <si>
    <t>【福祉型障害児入所施設】（報酬編）</t>
    <rPh sb="1" eb="4">
      <t>フクシガタ</t>
    </rPh>
    <rPh sb="4" eb="7">
      <t>ショウガイジ</t>
    </rPh>
    <rPh sb="7" eb="9">
      <t>ニュウショ</t>
    </rPh>
    <rPh sb="9" eb="11">
      <t>シセツ</t>
    </rPh>
    <rPh sb="13" eb="15">
      <t>ホウシュウ</t>
    </rPh>
    <rPh sb="15" eb="16">
      <t>ヘン</t>
    </rPh>
    <phoneticPr fontId="1"/>
  </si>
  <si>
    <t>（       年   月   日記載）</t>
    <rPh sb="8" eb="9">
      <t>ネン</t>
    </rPh>
    <rPh sb="12" eb="13">
      <t>ガツ</t>
    </rPh>
    <rPh sb="16" eb="17">
      <t>ニチ</t>
    </rPh>
    <rPh sb="17" eb="19">
      <t>キサイ</t>
    </rPh>
    <phoneticPr fontId="1"/>
  </si>
  <si>
    <t>　(2) 重度障害児支援加算</t>
    <phoneticPr fontId="1"/>
  </si>
  <si>
    <t>　(3) 重度重複障害児加算</t>
    <phoneticPr fontId="1"/>
  </si>
  <si>
    <t>　(4) 強度行動障害児特別支援加算</t>
    <phoneticPr fontId="1"/>
  </si>
  <si>
    <t>　(6) 心理担当職員配置加算</t>
    <rPh sb="5" eb="7">
      <t>シンリ</t>
    </rPh>
    <rPh sb="7" eb="9">
      <t>タントウ</t>
    </rPh>
    <rPh sb="9" eb="11">
      <t>ショクイン</t>
    </rPh>
    <rPh sb="11" eb="13">
      <t>ハイチ</t>
    </rPh>
    <phoneticPr fontId="1"/>
  </si>
  <si>
    <t>　(9) 児童指導員等加配加算</t>
    <rPh sb="5" eb="7">
      <t>ジドウ</t>
    </rPh>
    <rPh sb="7" eb="11">
      <t>シドウインナド</t>
    </rPh>
    <rPh sb="11" eb="13">
      <t>カハイ</t>
    </rPh>
    <rPh sb="13" eb="15">
      <t>カサン</t>
    </rPh>
    <phoneticPr fontId="1"/>
  </si>
  <si>
    <t>看護職員</t>
    <rPh sb="0" eb="2">
      <t>カンゴ</t>
    </rPh>
    <rPh sb="2" eb="4">
      <t>ショクイン</t>
    </rPh>
    <phoneticPr fontId="1"/>
  </si>
  <si>
    <t>職業指導員</t>
    <rPh sb="0" eb="2">
      <t>ショクギョウ</t>
    </rPh>
    <rPh sb="2" eb="5">
      <t>シドウイン</t>
    </rPh>
    <phoneticPr fontId="1"/>
  </si>
  <si>
    <t>電子メールアドレス</t>
    <rPh sb="0" eb="2">
      <t>デンシ</t>
    </rPh>
    <phoneticPr fontId="1"/>
  </si>
  <si>
    <t>５　指定事業所番号</t>
    <rPh sb="2" eb="4">
      <t>シテイ</t>
    </rPh>
    <rPh sb="4" eb="7">
      <t>ジギョウショ</t>
    </rPh>
    <rPh sb="7" eb="9">
      <t>バンゴウ</t>
    </rPh>
    <phoneticPr fontId="1"/>
  </si>
  <si>
    <t>６　管理者の氏名</t>
    <rPh sb="2" eb="4">
      <t>カンリ</t>
    </rPh>
    <rPh sb="4" eb="5">
      <t>シャ</t>
    </rPh>
    <rPh sb="6" eb="8">
      <t>シメイ</t>
    </rPh>
    <phoneticPr fontId="1"/>
  </si>
  <si>
    <t>７　児童発達支援管理</t>
    <rPh sb="2" eb="4">
      <t>ジドウ</t>
    </rPh>
    <rPh sb="4" eb="6">
      <t>ハッタツ</t>
    </rPh>
    <rPh sb="6" eb="8">
      <t>シエン</t>
    </rPh>
    <rPh sb="8" eb="10">
      <t>カンリ</t>
    </rPh>
    <phoneticPr fontId="1"/>
  </si>
  <si>
    <t>８　従業者の員数</t>
    <phoneticPr fontId="1"/>
  </si>
  <si>
    <t>９　定　員</t>
    <phoneticPr fontId="1"/>
  </si>
  <si>
    <t>10　協力医療機関</t>
    <rPh sb="3" eb="5">
      <t>キョウリョク</t>
    </rPh>
    <rPh sb="5" eb="7">
      <t>イリョウ</t>
    </rPh>
    <rPh sb="7" eb="9">
      <t>キカン</t>
    </rPh>
    <phoneticPr fontId="1"/>
  </si>
  <si>
    <t>11　各加算についての有無を記載してください。</t>
    <phoneticPr fontId="1"/>
  </si>
  <si>
    <t>12　減算についての有無を記載してください。</t>
    <rPh sb="3" eb="4">
      <t>ゲン</t>
    </rPh>
    <phoneticPr fontId="1"/>
  </si>
  <si>
    <t>15　建物の延べ床面積は何㎡ですか。複数建物がある場合は、それぞれ記載してください。</t>
    <rPh sb="3" eb="5">
      <t>タテモノ</t>
    </rPh>
    <rPh sb="6" eb="7">
      <t>ノ</t>
    </rPh>
    <rPh sb="8" eb="9">
      <t>ユカ</t>
    </rPh>
    <rPh sb="9" eb="11">
      <t>メンセキ</t>
    </rPh>
    <rPh sb="12" eb="13">
      <t>ナン</t>
    </rPh>
    <phoneticPr fontId="1"/>
  </si>
  <si>
    <t>16　防火設備等の状況について</t>
    <phoneticPr fontId="1"/>
  </si>
  <si>
    <t>17　防火管理者の責務について</t>
    <rPh sb="3" eb="5">
      <t>ボウカ</t>
    </rPh>
    <rPh sb="5" eb="8">
      <t>カンリシャ</t>
    </rPh>
    <rPh sb="9" eb="11">
      <t>セキム</t>
    </rPh>
    <phoneticPr fontId="1"/>
  </si>
  <si>
    <t>公表済</t>
    <rPh sb="0" eb="2">
      <t>コウヒョウ</t>
    </rPh>
    <rPh sb="2" eb="3">
      <t>ズ</t>
    </rPh>
    <phoneticPr fontId="1"/>
  </si>
  <si>
    <t>未公表</t>
    <rPh sb="0" eb="1">
      <t>ミ</t>
    </rPh>
    <rPh sb="1" eb="3">
      <t>コウヒョウ</t>
    </rPh>
    <phoneticPr fontId="1"/>
  </si>
  <si>
    <t>　について記載してください。</t>
    <rPh sb="5" eb="7">
      <t>キサイ</t>
    </rPh>
    <phoneticPr fontId="1"/>
  </si>
  <si>
    <t>あり</t>
    <phoneticPr fontId="1"/>
  </si>
  <si>
    <t>なし</t>
    <phoneticPr fontId="1"/>
  </si>
  <si>
    <t>　してください。</t>
    <phoneticPr fontId="1"/>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1"/>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1"/>
  </si>
  <si>
    <t>　(7) 公認心理師配置加算</t>
    <rPh sb="5" eb="10">
      <t>コウニンシンリシ</t>
    </rPh>
    <rPh sb="10" eb="12">
      <t>ハイチ</t>
    </rPh>
    <phoneticPr fontId="1"/>
  </si>
  <si>
    <t>　(8) 看護職員配置加算</t>
    <rPh sb="5" eb="7">
      <t>カンゴ</t>
    </rPh>
    <rPh sb="7" eb="9">
      <t>ショクイン</t>
    </rPh>
    <rPh sb="9" eb="11">
      <t>ハイチ</t>
    </rPh>
    <phoneticPr fontId="1"/>
  </si>
  <si>
    <t>　(5) 乳幼児加算</t>
    <rPh sb="5" eb="6">
      <t>ニュウ</t>
    </rPh>
    <rPh sb="6" eb="8">
      <t>ヨウジ</t>
    </rPh>
    <phoneticPr fontId="1"/>
  </si>
  <si>
    <t>　(10) ソーシャルワーカー配置加算</t>
    <rPh sb="15" eb="17">
      <t>ハイチ</t>
    </rPh>
    <rPh sb="17" eb="19">
      <t>カサン</t>
    </rPh>
    <phoneticPr fontId="1"/>
  </si>
  <si>
    <t>　(11) 入院・外泊時加算</t>
    <rPh sb="6" eb="8">
      <t>ニュウイン</t>
    </rPh>
    <rPh sb="9" eb="11">
      <t>ガイハク</t>
    </rPh>
    <rPh sb="11" eb="12">
      <t>ジ</t>
    </rPh>
    <rPh sb="12" eb="14">
      <t>カサン</t>
    </rPh>
    <phoneticPr fontId="1"/>
  </si>
  <si>
    <t>　(2) 利用者の数が利用定員を超える場合による減算</t>
    <rPh sb="5" eb="8">
      <t>リヨウシャ</t>
    </rPh>
    <rPh sb="9" eb="10">
      <t>カズ</t>
    </rPh>
    <rPh sb="11" eb="13">
      <t>リヨウ</t>
    </rPh>
    <rPh sb="13" eb="15">
      <t>テイイン</t>
    </rPh>
    <phoneticPr fontId="1"/>
  </si>
  <si>
    <t>　(1) 日中活動支援加算</t>
    <rPh sb="5" eb="7">
      <t>ニッチュウ</t>
    </rPh>
    <rPh sb="7" eb="9">
      <t>カツドウ</t>
    </rPh>
    <rPh sb="9" eb="11">
      <t>シエン</t>
    </rPh>
    <rPh sb="11" eb="13">
      <t>カサン</t>
    </rPh>
    <phoneticPr fontId="1"/>
  </si>
  <si>
    <t>　(15) 家族支援加算</t>
    <rPh sb="6" eb="8">
      <t>カゾク</t>
    </rPh>
    <rPh sb="8" eb="10">
      <t>シエン</t>
    </rPh>
    <rPh sb="10" eb="12">
      <t>カサン</t>
    </rPh>
    <phoneticPr fontId="1"/>
  </si>
  <si>
    <t>　(26) 福祉・介護職員等処遇改善加算</t>
    <rPh sb="6" eb="8">
      <t>フクシ</t>
    </rPh>
    <rPh sb="9" eb="11">
      <t>カイゴ</t>
    </rPh>
    <rPh sb="11" eb="13">
      <t>ショクイン</t>
    </rPh>
    <rPh sb="13" eb="14">
      <t>トウ</t>
    </rPh>
    <rPh sb="14" eb="16">
      <t>ショグウ</t>
    </rPh>
    <rPh sb="16" eb="18">
      <t>カイゼン</t>
    </rPh>
    <rPh sb="18" eb="20">
      <t>カサン</t>
    </rPh>
    <phoneticPr fontId="1"/>
  </si>
  <si>
    <t xml:space="preserve">  (6) 業務継続計画未策定減算</t>
    <rPh sb="6" eb="8">
      <t>ギョウム</t>
    </rPh>
    <rPh sb="8" eb="10">
      <t>ケイゾク</t>
    </rPh>
    <rPh sb="10" eb="12">
      <t>ケイカク</t>
    </rPh>
    <rPh sb="12" eb="13">
      <t>ミ</t>
    </rPh>
    <rPh sb="13" eb="15">
      <t>サクテイ</t>
    </rPh>
    <rPh sb="15" eb="17">
      <t>ゲンサン</t>
    </rPh>
    <phoneticPr fontId="1"/>
  </si>
  <si>
    <t xml:space="preserve">  (7) 情報公表未報告減算</t>
    <rPh sb="6" eb="8">
      <t>ジョウホウ</t>
    </rPh>
    <rPh sb="8" eb="10">
      <t>コウヒョウ</t>
    </rPh>
    <rPh sb="10" eb="13">
      <t>ミホウコク</t>
    </rPh>
    <rPh sb="13" eb="15">
      <t>ゲンサン</t>
    </rPh>
    <phoneticPr fontId="1"/>
  </si>
  <si>
    <t>指定障害児入所施設　運営指導提出資料</t>
    <rPh sb="0" eb="2">
      <t>シテイ</t>
    </rPh>
    <rPh sb="2" eb="4">
      <t>ショウガイ</t>
    </rPh>
    <rPh sb="4" eb="5">
      <t>ジ</t>
    </rPh>
    <rPh sb="5" eb="7">
      <t>ニュウショ</t>
    </rPh>
    <rPh sb="7" eb="9">
      <t>シセツ</t>
    </rPh>
    <rPh sb="10" eb="12">
      <t>ウンエイ</t>
    </rPh>
    <rPh sb="12" eb="14">
      <t>シドウ</t>
    </rPh>
    <rPh sb="14" eb="16">
      <t>テイシュツ</t>
    </rPh>
    <rPh sb="16" eb="18">
      <t>シリョウ</t>
    </rPh>
    <phoneticPr fontId="1"/>
  </si>
  <si>
    <t>　(16) 地域移行加算</t>
    <rPh sb="6" eb="8">
      <t>チイキ</t>
    </rPh>
    <rPh sb="8" eb="10">
      <t>イコウ</t>
    </rPh>
    <rPh sb="10" eb="12">
      <t>カサン</t>
    </rPh>
    <phoneticPr fontId="1"/>
  </si>
  <si>
    <t>　(17) 移行支援関係機関連携加算</t>
    <rPh sb="6" eb="8">
      <t>イコウ</t>
    </rPh>
    <rPh sb="8" eb="10">
      <t>シエン</t>
    </rPh>
    <rPh sb="10" eb="12">
      <t>カンケイ</t>
    </rPh>
    <rPh sb="12" eb="14">
      <t>キカン</t>
    </rPh>
    <rPh sb="14" eb="16">
      <t>レンケイ</t>
    </rPh>
    <rPh sb="16" eb="18">
      <t>カサン</t>
    </rPh>
    <phoneticPr fontId="1"/>
  </si>
  <si>
    <t>　(18) 体験利用支援加算</t>
    <rPh sb="6" eb="8">
      <t>タイケン</t>
    </rPh>
    <rPh sb="8" eb="10">
      <t>リヨウ</t>
    </rPh>
    <rPh sb="10" eb="12">
      <t>シエン</t>
    </rPh>
    <rPh sb="12" eb="14">
      <t>カサン</t>
    </rPh>
    <phoneticPr fontId="1"/>
  </si>
  <si>
    <t>　(19) 栄養士配置加算</t>
    <rPh sb="6" eb="9">
      <t>エイヨウシ</t>
    </rPh>
    <rPh sb="9" eb="11">
      <t>ハイチ</t>
    </rPh>
    <phoneticPr fontId="1"/>
  </si>
  <si>
    <t>　(20) 栄養マネジメント加算</t>
    <rPh sb="6" eb="8">
      <t>エイヨウ</t>
    </rPh>
    <rPh sb="14" eb="16">
      <t>カサン</t>
    </rPh>
    <phoneticPr fontId="1"/>
  </si>
  <si>
    <t>　(21) 要支援児童加算</t>
    <rPh sb="6" eb="9">
      <t>ヨウシエン</t>
    </rPh>
    <rPh sb="9" eb="11">
      <t>ジドウ</t>
    </rPh>
    <rPh sb="11" eb="13">
      <t>カサン</t>
    </rPh>
    <phoneticPr fontId="1"/>
  </si>
  <si>
    <t>　(22) 集中的支援加算</t>
    <rPh sb="6" eb="9">
      <t>シュウチュウテキ</t>
    </rPh>
    <rPh sb="9" eb="11">
      <t>シエン</t>
    </rPh>
    <rPh sb="11" eb="13">
      <t>カサン</t>
    </rPh>
    <phoneticPr fontId="1"/>
  </si>
  <si>
    <t>　(14) 福祉専門職員配置等加算</t>
    <rPh sb="6" eb="8">
      <t>フクシ</t>
    </rPh>
    <rPh sb="8" eb="10">
      <t>センモン</t>
    </rPh>
    <rPh sb="10" eb="12">
      <t>ショクイン</t>
    </rPh>
    <rPh sb="12" eb="14">
      <t>ハイチ</t>
    </rPh>
    <rPh sb="14" eb="15">
      <t>ナド</t>
    </rPh>
    <rPh sb="15" eb="17">
      <t>カサン</t>
    </rPh>
    <phoneticPr fontId="1"/>
  </si>
  <si>
    <t>　(13) 入院時特別支援加算</t>
    <rPh sb="6" eb="8">
      <t>ニュウイン</t>
    </rPh>
    <rPh sb="8" eb="9">
      <t>ジ</t>
    </rPh>
    <rPh sb="9" eb="11">
      <t>トクベツ</t>
    </rPh>
    <rPh sb="11" eb="13">
      <t>シエン</t>
    </rPh>
    <rPh sb="13" eb="15">
      <t>カサン</t>
    </rPh>
    <phoneticPr fontId="1"/>
  </si>
  <si>
    <t>　(12) 自活訓練加算</t>
    <rPh sb="6" eb="8">
      <t>ジカツ</t>
    </rPh>
    <rPh sb="8" eb="10">
      <t>クンレン</t>
    </rPh>
    <rPh sb="10" eb="12">
      <t>カサン</t>
    </rPh>
    <phoneticPr fontId="1"/>
  </si>
  <si>
    <t>　(24) 障害者支援施設等感染対策向上加算</t>
    <rPh sb="6" eb="9">
      <t>ショウガイシャ</t>
    </rPh>
    <rPh sb="9" eb="11">
      <t>シエン</t>
    </rPh>
    <rPh sb="11" eb="13">
      <t>シセツ</t>
    </rPh>
    <rPh sb="13" eb="14">
      <t>トウ</t>
    </rPh>
    <rPh sb="14" eb="16">
      <t>カンセン</t>
    </rPh>
    <rPh sb="16" eb="18">
      <t>タイサク</t>
    </rPh>
    <rPh sb="18" eb="20">
      <t>コウジョウ</t>
    </rPh>
    <rPh sb="20" eb="22">
      <t>カサン</t>
    </rPh>
    <phoneticPr fontId="1"/>
  </si>
  <si>
    <t>　(25) 新興感染症等施設療養加算</t>
    <rPh sb="6" eb="8">
      <t>シンコウ</t>
    </rPh>
    <rPh sb="8" eb="11">
      <t>カンセンショウ</t>
    </rPh>
    <rPh sb="11" eb="12">
      <t>トウ</t>
    </rPh>
    <rPh sb="12" eb="14">
      <t>シセツ</t>
    </rPh>
    <rPh sb="14" eb="16">
      <t>リョウヨウ</t>
    </rPh>
    <rPh sb="16" eb="18">
      <t>カサン</t>
    </rPh>
    <phoneticPr fontId="1"/>
  </si>
  <si>
    <t>　(23) 小規模グループケア加算</t>
    <rPh sb="6" eb="9">
      <t>ショウキボ</t>
    </rPh>
    <rPh sb="15" eb="17">
      <t>カサン</t>
    </rPh>
    <phoneticPr fontId="1"/>
  </si>
  <si>
    <t>20　障害福祉情報サービスかながわに事業所のメー</t>
    <rPh sb="3" eb="5">
      <t>ショウガイ</t>
    </rPh>
    <rPh sb="5" eb="7">
      <t>フクシ</t>
    </rPh>
    <rPh sb="7" eb="9">
      <t>ジョウホウ</t>
    </rPh>
    <rPh sb="18" eb="20">
      <t>ジギョウ</t>
    </rPh>
    <rPh sb="20" eb="21">
      <t>ショ</t>
    </rPh>
    <phoneticPr fontId="1"/>
  </si>
  <si>
    <t>　ルアドレスを登録してありますか。</t>
    <rPh sb="7" eb="9">
      <t>トウロク</t>
    </rPh>
    <phoneticPr fontId="1"/>
  </si>
  <si>
    <t>あり（Ⅰ・Ⅱ・サテライト型）</t>
    <rPh sb="12" eb="13">
      <t>ガタ</t>
    </rPh>
    <phoneticPr fontId="1"/>
  </si>
  <si>
    <t>あり（Ⅰ・Ⅱ・Ⅲ・Ⅳ）</t>
    <phoneticPr fontId="1"/>
  </si>
  <si>
    <t>　(4) 身体拘束廃止未実施減算</t>
    <phoneticPr fontId="1"/>
  </si>
  <si>
    <t xml:space="preserve">  (5) 虐待防止措置未実施減算</t>
    <rPh sb="6" eb="8">
      <t>ギャクタイ</t>
    </rPh>
    <rPh sb="8" eb="10">
      <t>ボウシ</t>
    </rPh>
    <rPh sb="10" eb="12">
      <t>ソチ</t>
    </rPh>
    <phoneticPr fontId="1"/>
  </si>
  <si>
    <t>13　運営指導前月までの過去12ヶ月における各月の最も利用児童数の多い日及び利用者数を</t>
    <rPh sb="3" eb="5">
      <t>ウンエイ</t>
    </rPh>
    <rPh sb="29" eb="31">
      <t>ジドウ</t>
    </rPh>
    <rPh sb="36" eb="37">
      <t>オヨ</t>
    </rPh>
    <phoneticPr fontId="1"/>
  </si>
  <si>
    <t>14　運営指導前月までの過去12ヶ月における月別延べ利用児童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1"/>
  </si>
  <si>
    <t>今年度指定障害福祉サービス事業所等自己点検シート</t>
    <rPh sb="0" eb="1">
      <t>コ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1"/>
      <name val="ＭＳ Ｐゴシック"/>
      <family val="3"/>
      <charset val="128"/>
    </font>
    <font>
      <b/>
      <sz val="16"/>
      <name val="ＭＳ ゴシック"/>
      <family val="3"/>
      <charset val="128"/>
    </font>
    <font>
      <sz val="16"/>
      <name val="ＭＳ ゴシック"/>
      <family val="3"/>
      <charset val="128"/>
    </font>
    <font>
      <b/>
      <sz val="12"/>
      <name val="ＭＳ 明朝"/>
      <family val="1"/>
      <charset val="128"/>
    </font>
    <font>
      <sz val="12"/>
      <name val="ＭＳ 明朝"/>
      <family val="1"/>
      <charset val="128"/>
    </font>
    <font>
      <sz val="11"/>
      <name val="ＭＳ 明朝"/>
      <family val="1"/>
      <charset val="128"/>
    </font>
    <font>
      <u/>
      <sz val="12"/>
      <name val="ＭＳ 明朝"/>
      <family val="1"/>
      <charset val="128"/>
    </font>
    <font>
      <strike/>
      <sz val="12"/>
      <name val="ＭＳ 明朝"/>
      <family val="1"/>
      <charset val="128"/>
    </font>
    <font>
      <sz val="12"/>
      <name val="ＭＳ Ｐゴシック"/>
      <family val="3"/>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xf numFmtId="0" fontId="4" fillId="0" borderId="0"/>
  </cellStyleXfs>
  <cellXfs count="74">
    <xf numFmtId="0" fontId="0" fillId="0" borderId="0" xfId="0"/>
    <xf numFmtId="0" fontId="6" fillId="0" borderId="0" xfId="0" applyFont="1" applyFill="1" applyAlignment="1">
      <alignment vertical="center"/>
    </xf>
    <xf numFmtId="0" fontId="5" fillId="0" borderId="0" xfId="0" applyFont="1" applyFill="1" applyAlignment="1">
      <alignment vertical="center"/>
    </xf>
    <xf numFmtId="0" fontId="7" fillId="0" borderId="0" xfId="0" applyFont="1" applyFill="1" applyAlignment="1">
      <alignment vertical="center"/>
    </xf>
    <xf numFmtId="0" fontId="8" fillId="0" borderId="0" xfId="0" applyFont="1" applyFill="1" applyAlignment="1">
      <alignment vertical="center"/>
    </xf>
    <xf numFmtId="0" fontId="8" fillId="0" borderId="0" xfId="0" applyFont="1" applyFill="1" applyAlignment="1">
      <alignment horizontal="right" vertical="center"/>
    </xf>
    <xf numFmtId="0" fontId="8" fillId="0" borderId="1" xfId="0" applyFont="1" applyFill="1" applyBorder="1" applyAlignment="1">
      <alignment vertical="center"/>
    </xf>
    <xf numFmtId="0" fontId="8" fillId="0" borderId="0" xfId="0" applyFont="1" applyFill="1" applyBorder="1" applyAlignment="1">
      <alignment vertical="center"/>
    </xf>
    <xf numFmtId="0" fontId="9" fillId="0" borderId="0" xfId="0" applyFont="1" applyFill="1" applyAlignment="1">
      <alignment vertical="center"/>
    </xf>
    <xf numFmtId="0" fontId="9" fillId="0" borderId="0" xfId="0" applyFont="1" applyFill="1" applyBorder="1" applyAlignment="1">
      <alignment vertical="center"/>
    </xf>
    <xf numFmtId="49" fontId="8" fillId="0" borderId="0" xfId="0" applyNumberFormat="1" applyFont="1" applyFill="1" applyAlignment="1">
      <alignment vertical="center"/>
    </xf>
    <xf numFmtId="0" fontId="10" fillId="0" borderId="0" xfId="0" applyFont="1" applyFill="1" applyAlignment="1">
      <alignment vertical="center"/>
    </xf>
    <xf numFmtId="0" fontId="8" fillId="0" borderId="0" xfId="0" applyFont="1" applyFill="1" applyBorder="1" applyAlignment="1">
      <alignment vertical="center" shrinkToFit="1"/>
    </xf>
    <xf numFmtId="0" fontId="8" fillId="0" borderId="0" xfId="0" applyFont="1" applyFill="1" applyBorder="1" applyAlignment="1">
      <alignment horizontal="left" vertical="center" shrinkToFit="1"/>
    </xf>
    <xf numFmtId="0" fontId="8" fillId="0" borderId="0" xfId="0" applyFont="1" applyFill="1" applyBorder="1" applyAlignment="1">
      <alignment horizontal="right" vertical="center"/>
    </xf>
    <xf numFmtId="0" fontId="8" fillId="0" borderId="0" xfId="0" applyFont="1" applyFill="1" applyBorder="1" applyAlignment="1">
      <alignment horizontal="right" vertical="center" shrinkToFit="1"/>
    </xf>
    <xf numFmtId="0" fontId="9" fillId="0" borderId="0" xfId="0" applyFont="1" applyFill="1" applyBorder="1" applyAlignment="1">
      <alignment vertical="center" shrinkToFit="1"/>
    </xf>
    <xf numFmtId="0" fontId="10" fillId="0" borderId="1" xfId="0" applyFont="1" applyFill="1" applyBorder="1" applyAlignment="1">
      <alignment vertical="center"/>
    </xf>
    <xf numFmtId="0" fontId="10" fillId="0" borderId="0" xfId="0" applyFont="1" applyFill="1" applyBorder="1" applyAlignment="1">
      <alignment vertical="center"/>
    </xf>
    <xf numFmtId="0" fontId="8" fillId="0" borderId="0" xfId="0" applyFont="1" applyFill="1"/>
    <xf numFmtId="0" fontId="8" fillId="0" borderId="0" xfId="0" applyFont="1" applyFill="1" applyBorder="1" applyAlignment="1">
      <alignment shrinkToFit="1"/>
    </xf>
    <xf numFmtId="0" fontId="8" fillId="0" borderId="0" xfId="0" applyFont="1" applyFill="1" applyBorder="1"/>
    <xf numFmtId="0" fontId="8" fillId="0" borderId="0" xfId="0" applyFont="1" applyFill="1" applyBorder="1" applyAlignment="1"/>
    <xf numFmtId="0" fontId="8" fillId="0" borderId="0" xfId="0" applyFont="1" applyFill="1" applyAlignment="1">
      <alignment horizontal="center" vertical="center"/>
    </xf>
    <xf numFmtId="0" fontId="8" fillId="0" borderId="0" xfId="1" applyFont="1" applyFill="1" applyAlignment="1">
      <alignment vertical="center"/>
    </xf>
    <xf numFmtId="0" fontId="8" fillId="0" borderId="0" xfId="1" applyFont="1" applyFill="1" applyBorder="1" applyAlignment="1">
      <alignment vertical="center"/>
    </xf>
    <xf numFmtId="0" fontId="11" fillId="0" borderId="0" xfId="1" applyFont="1" applyFill="1" applyAlignment="1">
      <alignment vertical="center"/>
    </xf>
    <xf numFmtId="0" fontId="11" fillId="0" borderId="0" xfId="1" applyFont="1" applyFill="1" applyBorder="1" applyAlignment="1">
      <alignment vertical="center"/>
    </xf>
    <xf numFmtId="0" fontId="11" fillId="0" borderId="0" xfId="0" applyFont="1" applyFill="1" applyAlignment="1">
      <alignment vertical="center"/>
    </xf>
    <xf numFmtId="0" fontId="9" fillId="0" borderId="0" xfId="1" applyFont="1" applyFill="1" applyBorder="1" applyAlignment="1">
      <alignment vertical="center"/>
    </xf>
    <xf numFmtId="0" fontId="8" fillId="0" borderId="0" xfId="0" applyFont="1" applyFill="1" applyBorder="1" applyAlignment="1">
      <alignment horizontal="center"/>
    </xf>
    <xf numFmtId="0" fontId="12" fillId="0" borderId="0" xfId="0" applyFont="1" applyFill="1"/>
    <xf numFmtId="0" fontId="0" fillId="0" borderId="0" xfId="0" applyFont="1" applyFill="1"/>
    <xf numFmtId="0" fontId="8" fillId="0" borderId="2" xfId="0" applyFont="1" applyFill="1" applyBorder="1" applyAlignment="1">
      <alignment vertical="center" shrinkToFit="1"/>
    </xf>
    <xf numFmtId="55" fontId="8" fillId="0" borderId="2" xfId="0" applyNumberFormat="1" applyFont="1" applyFill="1" applyBorder="1" applyAlignment="1">
      <alignment horizontal="center" vertical="center" shrinkToFit="1"/>
    </xf>
    <xf numFmtId="0" fontId="8" fillId="0" borderId="2" xfId="0" applyFont="1" applyFill="1" applyBorder="1" applyAlignment="1">
      <alignment horizontal="right" vertical="center"/>
    </xf>
    <xf numFmtId="49" fontId="8" fillId="0" borderId="0" xfId="0" applyNumberFormat="1" applyFont="1" applyFill="1" applyAlignment="1">
      <alignment horizontal="left" vertical="center"/>
    </xf>
    <xf numFmtId="0" fontId="8" fillId="0" borderId="2" xfId="0" applyFont="1" applyFill="1" applyBorder="1" applyAlignment="1">
      <alignment horizontal="center" vertical="center" shrinkToFit="1"/>
    </xf>
    <xf numFmtId="0" fontId="8" fillId="0" borderId="3" xfId="0" applyFont="1" applyFill="1" applyBorder="1" applyAlignment="1">
      <alignment vertical="center"/>
    </xf>
    <xf numFmtId="0" fontId="8" fillId="0" borderId="4" xfId="0" applyFont="1" applyFill="1" applyBorder="1" applyAlignment="1">
      <alignment vertical="center"/>
    </xf>
    <xf numFmtId="0" fontId="8" fillId="0" borderId="5" xfId="0" applyFont="1" applyFill="1" applyBorder="1" applyAlignment="1">
      <alignment vertical="center"/>
    </xf>
    <xf numFmtId="0" fontId="8" fillId="0" borderId="2" xfId="0" applyFont="1" applyFill="1" applyBorder="1" applyAlignment="1">
      <alignment horizontal="center" vertical="center"/>
    </xf>
    <xf numFmtId="0" fontId="9" fillId="0" borderId="3" xfId="0" applyFont="1" applyFill="1" applyBorder="1" applyAlignment="1">
      <alignment vertical="center"/>
    </xf>
    <xf numFmtId="0" fontId="9" fillId="0" borderId="4" xfId="0" applyFont="1" applyFill="1" applyBorder="1" applyAlignment="1">
      <alignment vertical="center"/>
    </xf>
    <xf numFmtId="0" fontId="9" fillId="0" borderId="5" xfId="0" applyFont="1" applyFill="1" applyBorder="1" applyAlignment="1">
      <alignment vertical="center"/>
    </xf>
    <xf numFmtId="0" fontId="8" fillId="0" borderId="3" xfId="0" applyFont="1" applyFill="1" applyBorder="1" applyAlignment="1">
      <alignment horizontal="left" vertical="center"/>
    </xf>
    <xf numFmtId="0" fontId="8" fillId="0" borderId="4" xfId="0" applyFont="1" applyFill="1" applyBorder="1" applyAlignment="1">
      <alignment horizontal="left" vertical="center"/>
    </xf>
    <xf numFmtId="0" fontId="8" fillId="0" borderId="5" xfId="0" applyFont="1" applyFill="1" applyBorder="1" applyAlignment="1">
      <alignment horizontal="left" vertical="center"/>
    </xf>
    <xf numFmtId="49" fontId="8" fillId="0" borderId="0" xfId="0" applyNumberFormat="1" applyFont="1" applyFill="1" applyAlignment="1">
      <alignment horizontal="right" vertical="center"/>
    </xf>
    <xf numFmtId="0" fontId="5" fillId="0" borderId="0" xfId="0" applyFont="1" applyFill="1" applyAlignment="1">
      <alignment horizontal="right" vertical="center"/>
    </xf>
    <xf numFmtId="0" fontId="0" fillId="0" borderId="0" xfId="0" applyFont="1" applyFill="1" applyAlignment="1">
      <alignment vertical="center"/>
    </xf>
    <xf numFmtId="0" fontId="5" fillId="0" borderId="0" xfId="0" applyFont="1" applyFill="1" applyAlignment="1">
      <alignment horizontal="center" vertical="center"/>
    </xf>
    <xf numFmtId="0" fontId="8" fillId="0" borderId="0" xfId="0" applyFont="1" applyFill="1" applyBorder="1" applyAlignment="1">
      <alignment horizontal="left" shrinkToFit="1"/>
    </xf>
    <xf numFmtId="0" fontId="8" fillId="0" borderId="0" xfId="0" applyFont="1" applyFill="1" applyAlignment="1">
      <alignment horizontal="center" vertical="center"/>
    </xf>
    <xf numFmtId="0" fontId="8" fillId="0" borderId="0" xfId="1" applyFont="1" applyFill="1" applyAlignment="1">
      <alignment vertical="center"/>
    </xf>
    <xf numFmtId="0" fontId="8" fillId="0" borderId="0" xfId="0" applyFont="1" applyFill="1" applyAlignment="1">
      <alignment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6" xfId="0" applyFont="1" applyFill="1" applyBorder="1" applyAlignment="1">
      <alignment horizontal="center" vertical="center" textRotation="255" shrinkToFit="1"/>
    </xf>
    <xf numFmtId="0" fontId="8" fillId="0" borderId="7" xfId="0" applyFont="1" applyFill="1" applyBorder="1" applyAlignment="1">
      <alignment horizontal="center" vertical="center" textRotation="255" shrinkToFit="1"/>
    </xf>
    <xf numFmtId="0" fontId="8" fillId="0" borderId="8" xfId="0" applyFont="1" applyFill="1" applyBorder="1" applyAlignment="1">
      <alignment horizontal="center" vertical="center" textRotation="255" shrinkToFit="1"/>
    </xf>
    <xf numFmtId="0" fontId="8" fillId="0" borderId="3" xfId="0" applyFont="1" applyFill="1" applyBorder="1" applyAlignment="1">
      <alignment horizontal="left" vertical="center" shrinkToFit="1"/>
    </xf>
    <xf numFmtId="0" fontId="8" fillId="0" borderId="4" xfId="0" applyFont="1" applyFill="1" applyBorder="1" applyAlignment="1">
      <alignment horizontal="left" vertical="center" shrinkToFit="1"/>
    </xf>
    <xf numFmtId="0" fontId="8" fillId="0" borderId="5" xfId="0" applyFont="1" applyFill="1" applyBorder="1" applyAlignment="1">
      <alignment horizontal="left" vertical="center" shrinkToFit="1"/>
    </xf>
    <xf numFmtId="0" fontId="8" fillId="0" borderId="6" xfId="0" applyFont="1" applyFill="1" applyBorder="1" applyAlignment="1">
      <alignment horizontal="center" vertical="center" textRotation="255"/>
    </xf>
    <xf numFmtId="0" fontId="8" fillId="0" borderId="7" xfId="0" applyFont="1" applyFill="1" applyBorder="1" applyAlignment="1">
      <alignment horizontal="center" vertical="center" textRotation="255"/>
    </xf>
    <xf numFmtId="0" fontId="8" fillId="0" borderId="8" xfId="0" applyFont="1" applyFill="1" applyBorder="1" applyAlignment="1">
      <alignment horizontal="center" vertical="center" textRotation="255"/>
    </xf>
    <xf numFmtId="0" fontId="8" fillId="0" borderId="3" xfId="0" applyFont="1" applyFill="1" applyBorder="1" applyAlignment="1">
      <alignment horizontal="center" vertical="center" shrinkToFit="1"/>
    </xf>
    <xf numFmtId="0" fontId="8" fillId="0" borderId="4" xfId="0" applyFont="1" applyFill="1" applyBorder="1" applyAlignment="1">
      <alignment horizontal="center" vertical="center" shrinkToFit="1"/>
    </xf>
    <xf numFmtId="0" fontId="8" fillId="0" borderId="5" xfId="0" applyFont="1" applyFill="1" applyBorder="1" applyAlignment="1">
      <alignment horizontal="center" vertical="center" shrinkToFit="1"/>
    </xf>
    <xf numFmtId="0" fontId="9" fillId="0" borderId="3" xfId="0" applyFont="1" applyFill="1" applyBorder="1" applyAlignment="1">
      <alignment horizontal="center" vertical="center"/>
    </xf>
    <xf numFmtId="0" fontId="9" fillId="0" borderId="4" xfId="0" applyFont="1" applyFill="1" applyBorder="1" applyAlignment="1">
      <alignment horizontal="center" vertical="center"/>
    </xf>
    <xf numFmtId="0" fontId="9" fillId="0" borderId="5" xfId="0" applyFont="1" applyFill="1" applyBorder="1" applyAlignment="1">
      <alignment horizontal="center"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30"/>
  <sheetViews>
    <sheetView tabSelected="1" view="pageBreakPreview" zoomScaleNormal="100" zoomScaleSheetLayoutView="100" workbookViewId="0">
      <selection activeCell="B10" sqref="B10"/>
    </sheetView>
  </sheetViews>
  <sheetFormatPr defaultColWidth="9" defaultRowHeight="13"/>
  <cols>
    <col min="1" max="1" width="9" style="32"/>
    <col min="2" max="2" width="9" style="32" customWidth="1"/>
    <col min="3" max="9" width="9" style="32"/>
    <col min="10" max="10" width="10.08984375" style="32" customWidth="1"/>
    <col min="11" max="16384" width="9" style="32"/>
  </cols>
  <sheetData>
    <row r="1" spans="1:10" s="1" customFormat="1" ht="19">
      <c r="A1" s="51" t="s">
        <v>137</v>
      </c>
      <c r="B1" s="51"/>
      <c r="C1" s="51"/>
      <c r="D1" s="51"/>
      <c r="E1" s="51"/>
      <c r="F1" s="51"/>
      <c r="G1" s="51"/>
      <c r="H1" s="51"/>
      <c r="I1" s="51"/>
      <c r="J1" s="51"/>
    </row>
    <row r="2" spans="1:10" s="1" customFormat="1" ht="18.75" customHeight="1">
      <c r="A2" s="2"/>
      <c r="F2" s="49" t="s">
        <v>33</v>
      </c>
      <c r="G2" s="50"/>
      <c r="H2" s="50"/>
      <c r="I2" s="50"/>
      <c r="J2" s="50"/>
    </row>
    <row r="3" spans="1:10" s="4" customFormat="1" ht="14.25" customHeight="1">
      <c r="A3" s="3"/>
      <c r="J3" s="5" t="s">
        <v>98</v>
      </c>
    </row>
    <row r="4" spans="1:10" s="4" customFormat="1" ht="14.25" customHeight="1">
      <c r="A4" s="3"/>
      <c r="J4" s="5"/>
    </row>
    <row r="5" spans="1:10" s="4" customFormat="1" ht="14.25" customHeight="1">
      <c r="A5" s="4" t="s">
        <v>32</v>
      </c>
      <c r="D5" s="6"/>
      <c r="E5" s="6"/>
      <c r="F5" s="6"/>
      <c r="G5" s="6"/>
      <c r="H5" s="6"/>
      <c r="I5" s="6"/>
    </row>
    <row r="6" spans="1:10" s="4" customFormat="1" ht="14.25" customHeight="1"/>
    <row r="7" spans="1:10" s="4" customFormat="1" ht="14.25" customHeight="1">
      <c r="A7" s="4" t="s">
        <v>31</v>
      </c>
      <c r="D7" s="6" t="s">
        <v>28</v>
      </c>
      <c r="E7" s="6"/>
      <c r="F7" s="6"/>
      <c r="G7" s="6"/>
      <c r="H7" s="6"/>
      <c r="I7" s="6"/>
    </row>
    <row r="8" spans="1:10" s="4" customFormat="1" ht="14.25" customHeight="1">
      <c r="D8" s="7"/>
      <c r="E8" s="7"/>
      <c r="F8" s="7"/>
      <c r="G8" s="7"/>
      <c r="H8" s="7"/>
      <c r="I8" s="7"/>
    </row>
    <row r="9" spans="1:10" s="4" customFormat="1" ht="14.25" customHeight="1">
      <c r="D9" s="6"/>
      <c r="E9" s="6"/>
      <c r="F9" s="6"/>
      <c r="G9" s="6"/>
      <c r="H9" s="6"/>
      <c r="I9" s="6"/>
    </row>
    <row r="10" spans="1:10" s="4" customFormat="1" ht="14.25" customHeight="1"/>
    <row r="11" spans="1:10" s="4" customFormat="1" ht="14.25" customHeight="1">
      <c r="A11" s="4" t="s">
        <v>30</v>
      </c>
      <c r="D11" s="6"/>
      <c r="E11" s="6"/>
      <c r="F11" s="6"/>
      <c r="G11" s="6"/>
      <c r="H11" s="6"/>
      <c r="I11" s="6"/>
    </row>
    <row r="12" spans="1:10" s="4" customFormat="1" ht="14.25" customHeight="1"/>
    <row r="13" spans="1:10" s="4" customFormat="1" ht="14.25" customHeight="1">
      <c r="A13" s="4" t="s">
        <v>29</v>
      </c>
      <c r="D13" s="6" t="s">
        <v>28</v>
      </c>
      <c r="E13" s="6"/>
      <c r="F13" s="6"/>
      <c r="G13" s="6"/>
      <c r="H13" s="6"/>
      <c r="I13" s="6"/>
    </row>
    <row r="14" spans="1:10" s="4" customFormat="1" ht="14.25" customHeight="1">
      <c r="D14" s="7"/>
      <c r="E14" s="7"/>
      <c r="F14" s="7"/>
      <c r="G14" s="7"/>
      <c r="H14" s="7"/>
      <c r="I14" s="7"/>
    </row>
    <row r="15" spans="1:10" s="4" customFormat="1" ht="14.25" customHeight="1">
      <c r="D15" s="6"/>
      <c r="E15" s="6"/>
      <c r="F15" s="6"/>
      <c r="G15" s="6"/>
      <c r="H15" s="6"/>
      <c r="I15" s="6"/>
    </row>
    <row r="16" spans="1:10" s="4" customFormat="1" ht="14.25" customHeight="1"/>
    <row r="17" spans="1:11" s="4" customFormat="1" ht="14.25" customHeight="1">
      <c r="D17" s="6" t="s">
        <v>27</v>
      </c>
      <c r="E17" s="6"/>
      <c r="F17" s="6"/>
      <c r="G17" s="6"/>
      <c r="H17" s="6"/>
      <c r="I17" s="6"/>
    </row>
    <row r="18" spans="1:11" s="4" customFormat="1" ht="14.25" customHeight="1"/>
    <row r="19" spans="1:11" s="4" customFormat="1" ht="14.25" customHeight="1">
      <c r="D19" s="6" t="s">
        <v>26</v>
      </c>
      <c r="E19" s="6"/>
      <c r="F19" s="6"/>
      <c r="G19" s="6"/>
      <c r="H19" s="6"/>
      <c r="I19" s="6"/>
    </row>
    <row r="20" spans="1:11" s="4" customFormat="1" ht="14.25" customHeight="1"/>
    <row r="21" spans="1:11" s="8" customFormat="1" ht="14.25" customHeight="1">
      <c r="A21" s="4"/>
      <c r="B21" s="4"/>
      <c r="C21" s="4"/>
      <c r="D21" s="6" t="s">
        <v>106</v>
      </c>
      <c r="E21" s="6"/>
      <c r="F21" s="6"/>
      <c r="G21" s="6"/>
      <c r="H21" s="6"/>
      <c r="I21" s="6"/>
      <c r="J21" s="4"/>
      <c r="K21" s="4"/>
    </row>
    <row r="22" spans="1:11" s="9" customFormat="1" ht="14.25" customHeight="1">
      <c r="A22" s="7"/>
      <c r="B22" s="7"/>
      <c r="C22" s="7"/>
      <c r="D22" s="7"/>
      <c r="E22" s="7"/>
      <c r="F22" s="7"/>
      <c r="G22" s="7"/>
      <c r="H22" s="7"/>
      <c r="I22" s="7"/>
      <c r="J22" s="7"/>
      <c r="K22" s="7"/>
    </row>
    <row r="23" spans="1:11" s="9" customFormat="1" ht="14.25" customHeight="1">
      <c r="A23" s="7" t="s">
        <v>107</v>
      </c>
      <c r="B23" s="7"/>
      <c r="C23" s="7"/>
      <c r="D23" s="6"/>
      <c r="E23" s="6"/>
      <c r="F23" s="6"/>
      <c r="G23" s="6"/>
      <c r="H23" s="6"/>
      <c r="I23" s="6"/>
      <c r="J23" s="7"/>
      <c r="K23" s="7"/>
    </row>
    <row r="24" spans="1:11" s="4" customFormat="1" ht="14.25" customHeight="1"/>
    <row r="25" spans="1:11" s="4" customFormat="1" ht="14.25" customHeight="1">
      <c r="A25" s="4" t="s">
        <v>108</v>
      </c>
      <c r="D25" s="6"/>
      <c r="E25" s="6"/>
      <c r="F25" s="6"/>
      <c r="G25" s="6"/>
      <c r="H25" s="6"/>
      <c r="I25" s="6"/>
    </row>
    <row r="26" spans="1:11" s="4" customFormat="1" ht="14.25" customHeight="1">
      <c r="D26" s="7"/>
      <c r="E26" s="7"/>
      <c r="F26" s="7"/>
      <c r="G26" s="7"/>
      <c r="H26" s="7"/>
      <c r="I26" s="7"/>
    </row>
    <row r="27" spans="1:11" s="4" customFormat="1" ht="14.25" customHeight="1">
      <c r="D27" s="7"/>
      <c r="E27" s="7"/>
      <c r="F27" s="7"/>
      <c r="G27" s="7"/>
      <c r="H27" s="7"/>
      <c r="I27" s="7"/>
    </row>
    <row r="28" spans="1:11" s="4" customFormat="1" ht="14.9" customHeight="1">
      <c r="A28" s="4" t="s">
        <v>109</v>
      </c>
      <c r="D28" s="6"/>
      <c r="E28" s="6"/>
      <c r="F28" s="6"/>
      <c r="G28" s="6"/>
      <c r="H28" s="6"/>
      <c r="I28" s="6"/>
    </row>
    <row r="29" spans="1:11" s="4" customFormat="1" ht="14.9" customHeight="1">
      <c r="A29" s="4" t="s">
        <v>81</v>
      </c>
    </row>
    <row r="30" spans="1:11" s="4" customFormat="1" ht="14.25" customHeight="1">
      <c r="D30" s="7"/>
      <c r="E30" s="7"/>
      <c r="F30" s="7"/>
      <c r="G30" s="7"/>
      <c r="H30" s="7"/>
      <c r="I30" s="7"/>
    </row>
    <row r="31" spans="1:11" s="4" customFormat="1" ht="14.25" customHeight="1">
      <c r="A31" s="10" t="s">
        <v>110</v>
      </c>
      <c r="D31" s="6"/>
      <c r="E31" s="7" t="s">
        <v>25</v>
      </c>
      <c r="G31" s="11"/>
      <c r="H31" s="7"/>
      <c r="I31" s="11"/>
    </row>
    <row r="32" spans="1:11" s="4" customFormat="1" ht="14.25" customHeight="1">
      <c r="A32" s="10"/>
      <c r="D32" s="7"/>
      <c r="F32" s="11"/>
      <c r="G32" s="7"/>
      <c r="H32" s="11"/>
    </row>
    <row r="33" spans="1:10" s="4" customFormat="1" ht="14.25" customHeight="1">
      <c r="A33" s="10"/>
      <c r="D33" s="7" t="s">
        <v>24</v>
      </c>
    </row>
    <row r="34" spans="1:10" s="4" customFormat="1" ht="14.25" customHeight="1">
      <c r="A34" s="10"/>
      <c r="E34" s="7"/>
      <c r="F34" s="7"/>
      <c r="H34" s="7"/>
    </row>
    <row r="35" spans="1:10" s="4" customFormat="1" ht="14.25" customHeight="1">
      <c r="A35" s="10"/>
      <c r="D35" s="12" t="s">
        <v>23</v>
      </c>
      <c r="E35" s="6"/>
      <c r="F35" s="13" t="s">
        <v>22</v>
      </c>
    </row>
    <row r="36" spans="1:10" s="4" customFormat="1" ht="14.25" customHeight="1">
      <c r="A36" s="10"/>
      <c r="D36" s="12"/>
      <c r="E36" s="7"/>
      <c r="F36" s="14"/>
      <c r="G36" s="7"/>
      <c r="H36" s="14"/>
      <c r="I36" s="7"/>
    </row>
    <row r="37" spans="1:10" s="4" customFormat="1" ht="14.25" customHeight="1">
      <c r="A37" s="10"/>
      <c r="D37" s="12" t="s">
        <v>21</v>
      </c>
      <c r="E37" s="6"/>
      <c r="F37" s="15" t="s">
        <v>16</v>
      </c>
      <c r="G37" s="6" t="s">
        <v>14</v>
      </c>
      <c r="H37" s="14" t="s">
        <v>15</v>
      </c>
      <c r="I37" s="6" t="s">
        <v>14</v>
      </c>
      <c r="J37" s="4" t="s">
        <v>10</v>
      </c>
    </row>
    <row r="38" spans="1:10" s="4" customFormat="1" ht="14.25" customHeight="1">
      <c r="A38" s="10"/>
      <c r="D38" s="12"/>
      <c r="E38" s="7"/>
      <c r="F38" s="15"/>
      <c r="G38" s="7"/>
      <c r="H38" s="14"/>
      <c r="I38" s="7"/>
    </row>
    <row r="39" spans="1:10" s="4" customFormat="1" ht="14.25" customHeight="1">
      <c r="A39" s="10"/>
      <c r="D39" s="12" t="s">
        <v>20</v>
      </c>
      <c r="E39" s="6"/>
      <c r="F39" s="15" t="s">
        <v>16</v>
      </c>
      <c r="G39" s="6" t="s">
        <v>14</v>
      </c>
      <c r="H39" s="14" t="s">
        <v>15</v>
      </c>
      <c r="I39" s="6" t="s">
        <v>14</v>
      </c>
      <c r="J39" s="4" t="s">
        <v>10</v>
      </c>
    </row>
    <row r="40" spans="1:10" s="4" customFormat="1" ht="14.25" customHeight="1">
      <c r="A40" s="10"/>
      <c r="D40" s="12"/>
      <c r="E40" s="7"/>
      <c r="F40" s="14"/>
      <c r="G40" s="7"/>
      <c r="H40" s="14"/>
      <c r="I40" s="7"/>
    </row>
    <row r="41" spans="1:10" s="4" customFormat="1" ht="14.25" customHeight="1">
      <c r="A41" s="10"/>
      <c r="D41" s="12" t="s">
        <v>19</v>
      </c>
      <c r="E41" s="6"/>
      <c r="F41" s="15" t="s">
        <v>16</v>
      </c>
      <c r="G41" s="6" t="s">
        <v>14</v>
      </c>
      <c r="H41" s="14" t="s">
        <v>15</v>
      </c>
      <c r="I41" s="6" t="s">
        <v>14</v>
      </c>
      <c r="J41" s="4" t="s">
        <v>10</v>
      </c>
    </row>
    <row r="42" spans="1:10" s="4" customFormat="1" ht="14.25" customHeight="1">
      <c r="A42" s="10"/>
      <c r="D42" s="12"/>
      <c r="E42" s="7"/>
      <c r="F42" s="14"/>
      <c r="G42" s="7"/>
      <c r="H42" s="14"/>
      <c r="I42" s="7"/>
    </row>
    <row r="43" spans="1:10" s="4" customFormat="1" ht="14.25" customHeight="1">
      <c r="A43" s="10"/>
      <c r="D43" s="12" t="s">
        <v>18</v>
      </c>
      <c r="E43" s="6"/>
      <c r="F43" s="15" t="s">
        <v>16</v>
      </c>
      <c r="G43" s="6" t="s">
        <v>14</v>
      </c>
      <c r="H43" s="14" t="s">
        <v>15</v>
      </c>
      <c r="I43" s="6" t="s">
        <v>14</v>
      </c>
      <c r="J43" s="4" t="s">
        <v>10</v>
      </c>
    </row>
    <row r="44" spans="1:10" s="4" customFormat="1" ht="14.25" customHeight="1">
      <c r="A44" s="10"/>
      <c r="D44" s="12"/>
      <c r="E44" s="7"/>
      <c r="F44" s="15"/>
      <c r="G44" s="7"/>
      <c r="H44" s="14"/>
      <c r="I44" s="7"/>
    </row>
    <row r="45" spans="1:10" s="4" customFormat="1" ht="14.25" customHeight="1">
      <c r="A45" s="10"/>
      <c r="D45" s="12" t="s">
        <v>17</v>
      </c>
      <c r="E45" s="6"/>
      <c r="F45" s="15" t="s">
        <v>16</v>
      </c>
      <c r="G45" s="6" t="s">
        <v>14</v>
      </c>
      <c r="H45" s="14" t="s">
        <v>15</v>
      </c>
      <c r="I45" s="6" t="s">
        <v>14</v>
      </c>
      <c r="J45" s="4" t="s">
        <v>10</v>
      </c>
    </row>
    <row r="46" spans="1:10" s="4" customFormat="1" ht="14.25" customHeight="1">
      <c r="A46" s="10"/>
    </row>
    <row r="47" spans="1:10" s="4" customFormat="1" ht="14.25" customHeight="1">
      <c r="A47" s="10"/>
      <c r="D47" s="16" t="s">
        <v>104</v>
      </c>
      <c r="E47" s="6"/>
      <c r="F47" s="15" t="s">
        <v>16</v>
      </c>
      <c r="G47" s="6" t="s">
        <v>14</v>
      </c>
      <c r="H47" s="14" t="s">
        <v>15</v>
      </c>
      <c r="I47" s="6" t="s">
        <v>14</v>
      </c>
      <c r="J47" s="4" t="s">
        <v>10</v>
      </c>
    </row>
    <row r="48" spans="1:10" s="4" customFormat="1" ht="14.25" customHeight="1">
      <c r="A48" s="10"/>
    </row>
    <row r="49" spans="1:10" s="4" customFormat="1" ht="14.25" customHeight="1">
      <c r="A49" s="10"/>
      <c r="D49" s="16" t="s">
        <v>105</v>
      </c>
      <c r="E49" s="6"/>
      <c r="F49" s="15" t="s">
        <v>16</v>
      </c>
      <c r="G49" s="6" t="s">
        <v>14</v>
      </c>
      <c r="H49" s="14" t="s">
        <v>15</v>
      </c>
      <c r="I49" s="6" t="s">
        <v>14</v>
      </c>
      <c r="J49" s="4" t="s">
        <v>10</v>
      </c>
    </row>
    <row r="50" spans="1:10" s="4" customFormat="1" ht="14.25" customHeight="1">
      <c r="A50" s="10"/>
    </row>
    <row r="51" spans="1:10" s="4" customFormat="1" ht="14.25" customHeight="1">
      <c r="A51" s="4" t="s">
        <v>111</v>
      </c>
      <c r="D51" s="6"/>
      <c r="E51" s="4" t="s">
        <v>13</v>
      </c>
      <c r="H51" s="7"/>
    </row>
    <row r="52" spans="1:10" s="4" customFormat="1" ht="14.25" customHeight="1">
      <c r="D52" s="7"/>
      <c r="H52" s="7"/>
    </row>
    <row r="53" spans="1:10" s="4" customFormat="1" ht="14.25" customHeight="1">
      <c r="A53" s="4" t="s">
        <v>112</v>
      </c>
      <c r="D53" s="6" t="s">
        <v>12</v>
      </c>
      <c r="E53" s="6"/>
      <c r="F53" s="17"/>
      <c r="G53" s="6"/>
      <c r="H53" s="17"/>
      <c r="I53" s="11"/>
    </row>
    <row r="54" spans="1:10" s="4" customFormat="1" ht="14.25" customHeight="1">
      <c r="D54" s="7"/>
      <c r="E54" s="7"/>
      <c r="F54" s="18"/>
      <c r="G54" s="7"/>
      <c r="H54" s="18"/>
      <c r="I54" s="11"/>
    </row>
    <row r="55" spans="1:10" s="4" customFormat="1" ht="14.25" customHeight="1">
      <c r="D55" s="6" t="s">
        <v>11</v>
      </c>
      <c r="E55" s="6"/>
      <c r="F55" s="17"/>
      <c r="G55" s="6"/>
      <c r="H55" s="17"/>
      <c r="I55" s="17"/>
    </row>
    <row r="56" spans="1:10" s="4" customFormat="1" ht="14.25" customHeight="1">
      <c r="D56" s="7"/>
      <c r="E56" s="7"/>
      <c r="F56" s="18"/>
      <c r="G56" s="7"/>
      <c r="H56" s="18"/>
      <c r="I56" s="18"/>
    </row>
    <row r="57" spans="1:10" s="4" customFormat="1" ht="14.25" customHeight="1">
      <c r="A57" s="4" t="s">
        <v>113</v>
      </c>
    </row>
    <row r="58" spans="1:10" s="4" customFormat="1" ht="14.25" customHeight="1"/>
    <row r="59" spans="1:10" s="4" customFormat="1" ht="14">
      <c r="A59" s="19"/>
      <c r="F59" s="53" t="s">
        <v>93</v>
      </c>
      <c r="G59" s="53"/>
      <c r="H59" s="53"/>
      <c r="I59" s="53"/>
      <c r="J59" s="53"/>
    </row>
    <row r="60" spans="1:10" s="4" customFormat="1" ht="14.25" customHeight="1">
      <c r="F60" s="7"/>
      <c r="G60" s="7"/>
      <c r="H60" s="7"/>
    </row>
    <row r="61" spans="1:10" s="4" customFormat="1" ht="14.25" customHeight="1">
      <c r="A61" s="4" t="s">
        <v>132</v>
      </c>
      <c r="F61" s="19"/>
      <c r="G61" s="20" t="s">
        <v>43</v>
      </c>
      <c r="H61" s="21" t="s">
        <v>47</v>
      </c>
      <c r="I61" s="20"/>
    </row>
    <row r="62" spans="1:10" s="4" customFormat="1" ht="14.25" customHeight="1">
      <c r="F62" s="7"/>
      <c r="G62" s="7"/>
      <c r="H62" s="7"/>
    </row>
    <row r="63" spans="1:10" s="4" customFormat="1" ht="14.25" customHeight="1">
      <c r="A63" s="4" t="s">
        <v>99</v>
      </c>
      <c r="F63" s="19"/>
      <c r="G63" s="52" t="s">
        <v>82</v>
      </c>
      <c r="H63" s="52"/>
      <c r="I63" s="52"/>
      <c r="J63" s="21" t="s">
        <v>47</v>
      </c>
    </row>
    <row r="64" spans="1:10" s="4" customFormat="1" ht="14.25" customHeight="1">
      <c r="F64" s="19"/>
      <c r="G64" s="22"/>
      <c r="H64" s="22"/>
      <c r="I64" s="22"/>
      <c r="J64" s="21"/>
    </row>
    <row r="65" spans="1:10" s="4" customFormat="1" ht="14.25" customHeight="1">
      <c r="A65" s="4" t="s">
        <v>100</v>
      </c>
      <c r="G65" s="4" t="s">
        <v>43</v>
      </c>
      <c r="H65" s="7" t="s">
        <v>42</v>
      </c>
    </row>
    <row r="66" spans="1:10" s="4" customFormat="1" ht="14.25" customHeight="1">
      <c r="G66" s="7"/>
    </row>
    <row r="67" spans="1:10" s="4" customFormat="1" ht="14.25" customHeight="1">
      <c r="A67" s="4" t="s">
        <v>101</v>
      </c>
      <c r="G67" s="7" t="s">
        <v>48</v>
      </c>
      <c r="J67" s="7" t="s">
        <v>42</v>
      </c>
    </row>
    <row r="68" spans="1:10" s="4" customFormat="1" ht="14.25" customHeight="1">
      <c r="F68" s="7"/>
      <c r="G68" s="7"/>
      <c r="H68" s="7"/>
    </row>
    <row r="69" spans="1:10" s="4" customFormat="1" ht="14.25" customHeight="1">
      <c r="A69" s="4" t="s">
        <v>128</v>
      </c>
      <c r="G69" s="4" t="s">
        <v>43</v>
      </c>
      <c r="H69" s="7" t="s">
        <v>42</v>
      </c>
    </row>
    <row r="70" spans="1:10" s="4" customFormat="1" ht="14.25" customHeight="1">
      <c r="F70" s="7"/>
      <c r="G70" s="7"/>
      <c r="H70" s="7"/>
    </row>
    <row r="71" spans="1:10" s="4" customFormat="1" ht="14.25" customHeight="1">
      <c r="A71" s="4" t="s">
        <v>102</v>
      </c>
      <c r="G71" s="4" t="s">
        <v>43</v>
      </c>
      <c r="H71" s="7" t="s">
        <v>42</v>
      </c>
    </row>
    <row r="72" spans="1:10" s="4" customFormat="1" ht="14.25" customHeight="1">
      <c r="G72" s="7"/>
    </row>
    <row r="73" spans="1:10" s="4" customFormat="1" ht="14.25" customHeight="1">
      <c r="A73" s="4" t="s">
        <v>126</v>
      </c>
      <c r="G73" s="4" t="s">
        <v>43</v>
      </c>
      <c r="H73" s="7" t="s">
        <v>42</v>
      </c>
    </row>
    <row r="74" spans="1:10" s="4" customFormat="1" ht="14.25" customHeight="1">
      <c r="H74" s="7"/>
    </row>
    <row r="75" spans="1:10" s="4" customFormat="1" ht="14.25" customHeight="1">
      <c r="A75" s="4" t="s">
        <v>127</v>
      </c>
      <c r="G75" s="7" t="s">
        <v>48</v>
      </c>
      <c r="J75" s="7" t="s">
        <v>47</v>
      </c>
    </row>
    <row r="76" spans="1:10" s="4" customFormat="1" ht="14.25" customHeight="1">
      <c r="G76" s="7"/>
    </row>
    <row r="77" spans="1:10" s="4" customFormat="1" ht="14.25" customHeight="1">
      <c r="A77" s="4" t="s">
        <v>103</v>
      </c>
      <c r="G77" s="4" t="s">
        <v>43</v>
      </c>
      <c r="H77" s="7" t="s">
        <v>42</v>
      </c>
    </row>
    <row r="78" spans="1:10" s="4" customFormat="1" ht="14.25" customHeight="1">
      <c r="H78" s="7"/>
    </row>
    <row r="79" spans="1:10" s="4" customFormat="1" ht="14.25" customHeight="1">
      <c r="A79" s="4" t="s">
        <v>129</v>
      </c>
      <c r="G79" s="4" t="s">
        <v>43</v>
      </c>
      <c r="H79" s="7" t="s">
        <v>42</v>
      </c>
    </row>
    <row r="80" spans="1:10" s="4" customFormat="1" ht="14">
      <c r="A80" s="19"/>
      <c r="F80" s="23"/>
      <c r="G80" s="23"/>
      <c r="H80" s="23"/>
      <c r="I80" s="23"/>
      <c r="J80" s="23"/>
    </row>
    <row r="81" spans="1:10" s="4" customFormat="1" ht="14.25" customHeight="1">
      <c r="A81" s="4" t="s">
        <v>130</v>
      </c>
      <c r="G81" s="7" t="s">
        <v>48</v>
      </c>
      <c r="J81" s="7" t="s">
        <v>47</v>
      </c>
    </row>
    <row r="82" spans="1:10" s="4" customFormat="1" ht="14.25" customHeight="1">
      <c r="F82" s="7"/>
      <c r="G82" s="7"/>
      <c r="H82" s="7"/>
    </row>
    <row r="83" spans="1:10" s="4" customFormat="1" ht="14.25" customHeight="1">
      <c r="A83" s="4" t="s">
        <v>147</v>
      </c>
      <c r="G83" s="7" t="s">
        <v>48</v>
      </c>
      <c r="J83" s="7" t="s">
        <v>47</v>
      </c>
    </row>
    <row r="84" spans="1:10" s="4" customFormat="1" ht="14.25" customHeight="1">
      <c r="G84" s="7"/>
    </row>
    <row r="85" spans="1:10" s="4" customFormat="1" ht="14.25" customHeight="1">
      <c r="A85" s="4" t="s">
        <v>146</v>
      </c>
      <c r="G85" s="4" t="s">
        <v>43</v>
      </c>
      <c r="H85" s="7" t="s">
        <v>42</v>
      </c>
    </row>
    <row r="86" spans="1:10" s="4" customFormat="1" ht="14.25" customHeight="1">
      <c r="G86" s="7"/>
    </row>
    <row r="87" spans="1:10" s="4" customFormat="1" ht="14.25" customHeight="1">
      <c r="A87" s="4" t="s">
        <v>145</v>
      </c>
      <c r="G87" s="7" t="s">
        <v>83</v>
      </c>
      <c r="J87" s="7" t="s">
        <v>47</v>
      </c>
    </row>
    <row r="88" spans="1:10" s="24" customFormat="1" ht="14.25" customHeight="1"/>
    <row r="89" spans="1:10" s="4" customFormat="1" ht="14">
      <c r="A89" s="24" t="s">
        <v>133</v>
      </c>
      <c r="B89" s="24"/>
      <c r="C89" s="24"/>
      <c r="D89" s="24"/>
      <c r="E89" s="24"/>
      <c r="F89" s="24"/>
      <c r="G89" s="25" t="s">
        <v>48</v>
      </c>
      <c r="H89" s="24"/>
      <c r="I89" s="24"/>
      <c r="J89" s="24" t="s">
        <v>47</v>
      </c>
    </row>
    <row r="90" spans="1:10" s="4" customFormat="1" ht="14.25" customHeight="1">
      <c r="G90" s="14"/>
    </row>
    <row r="91" spans="1:10" s="4" customFormat="1" ht="14.25" customHeight="1">
      <c r="A91" s="4" t="s">
        <v>138</v>
      </c>
      <c r="G91" s="4" t="s">
        <v>43</v>
      </c>
      <c r="H91" s="7" t="s">
        <v>42</v>
      </c>
    </row>
    <row r="92" spans="1:10" s="4" customFormat="1" ht="14.25" customHeight="1">
      <c r="G92" s="14"/>
    </row>
    <row r="93" spans="1:10" s="4" customFormat="1" ht="14.25" customHeight="1">
      <c r="A93" s="4" t="s">
        <v>139</v>
      </c>
      <c r="G93" s="4" t="s">
        <v>43</v>
      </c>
      <c r="H93" s="7" t="s">
        <v>42</v>
      </c>
    </row>
    <row r="94" spans="1:10" s="4" customFormat="1" ht="14.25" customHeight="1">
      <c r="G94" s="14"/>
    </row>
    <row r="95" spans="1:10" s="4" customFormat="1" ht="14.25" customHeight="1">
      <c r="A95" s="4" t="s">
        <v>140</v>
      </c>
      <c r="G95" s="25" t="s">
        <v>48</v>
      </c>
      <c r="H95" s="24"/>
      <c r="I95" s="24"/>
      <c r="J95" s="24" t="s">
        <v>47</v>
      </c>
    </row>
    <row r="96" spans="1:10" s="4" customFormat="1" ht="14.25" customHeight="1">
      <c r="F96" s="7"/>
      <c r="G96" s="14"/>
      <c r="H96" s="7"/>
      <c r="J96" s="7"/>
    </row>
    <row r="97" spans="1:10" s="4" customFormat="1" ht="14.25" customHeight="1">
      <c r="A97" s="4" t="s">
        <v>141</v>
      </c>
      <c r="G97" s="7" t="s">
        <v>48</v>
      </c>
      <c r="J97" s="7" t="s">
        <v>47</v>
      </c>
    </row>
    <row r="98" spans="1:10" s="4" customFormat="1" ht="14.25" customHeight="1">
      <c r="F98" s="7"/>
      <c r="G98" s="7"/>
      <c r="H98" s="7"/>
    </row>
    <row r="99" spans="1:10" s="4" customFormat="1" ht="14.25" customHeight="1">
      <c r="A99" s="4" t="s">
        <v>142</v>
      </c>
      <c r="G99" s="4" t="s">
        <v>43</v>
      </c>
      <c r="H99" s="7" t="s">
        <v>42</v>
      </c>
    </row>
    <row r="100" spans="1:10" s="4" customFormat="1" ht="14.25" customHeight="1">
      <c r="G100" s="14"/>
    </row>
    <row r="101" spans="1:10" s="4" customFormat="1" ht="14.25" customHeight="1">
      <c r="A101" s="4" t="s">
        <v>143</v>
      </c>
      <c r="G101" s="25" t="s">
        <v>48</v>
      </c>
      <c r="H101" s="24"/>
      <c r="I101" s="24"/>
      <c r="J101" s="24" t="s">
        <v>47</v>
      </c>
    </row>
    <row r="102" spans="1:10" s="4" customFormat="1" ht="14.25" customHeight="1">
      <c r="G102" s="14"/>
    </row>
    <row r="103" spans="1:10" s="4" customFormat="1" ht="14.25" customHeight="1">
      <c r="A103" s="4" t="s">
        <v>144</v>
      </c>
      <c r="G103" s="25" t="s">
        <v>48</v>
      </c>
      <c r="H103" s="24"/>
      <c r="I103" s="24"/>
      <c r="J103" s="24" t="s">
        <v>47</v>
      </c>
    </row>
    <row r="104" spans="1:10" s="4" customFormat="1" ht="14.25" customHeight="1">
      <c r="F104" s="7"/>
      <c r="G104" s="7"/>
      <c r="H104" s="7"/>
    </row>
    <row r="105" spans="1:10" s="4" customFormat="1" ht="14.25" customHeight="1">
      <c r="A105" s="4" t="s">
        <v>150</v>
      </c>
      <c r="G105" s="7" t="s">
        <v>153</v>
      </c>
    </row>
    <row r="106" spans="1:10" s="4" customFormat="1" ht="14.25" customHeight="1">
      <c r="G106" s="7" t="s">
        <v>47</v>
      </c>
      <c r="J106" s="7"/>
    </row>
    <row r="107" spans="1:10" s="4" customFormat="1" ht="14.25" customHeight="1">
      <c r="G107" s="14"/>
    </row>
    <row r="108" spans="1:10" s="4" customFormat="1" ht="14.25" customHeight="1">
      <c r="A108" s="4" t="s">
        <v>148</v>
      </c>
      <c r="G108" s="25" t="s">
        <v>48</v>
      </c>
      <c r="H108" s="24"/>
      <c r="I108" s="24"/>
      <c r="J108" s="24" t="s">
        <v>47</v>
      </c>
    </row>
    <row r="109" spans="1:10" s="4" customFormat="1" ht="14.25" customHeight="1">
      <c r="G109" s="14"/>
    </row>
    <row r="110" spans="1:10" s="4" customFormat="1" ht="14.25" customHeight="1">
      <c r="A110" s="4" t="s">
        <v>149</v>
      </c>
      <c r="G110" s="4" t="s">
        <v>43</v>
      </c>
      <c r="H110" s="7" t="s">
        <v>42</v>
      </c>
      <c r="I110" s="24"/>
      <c r="J110" s="24"/>
    </row>
    <row r="111" spans="1:10" s="28" customFormat="1" ht="14">
      <c r="A111" s="26"/>
      <c r="B111" s="26"/>
      <c r="C111" s="26"/>
      <c r="D111" s="26"/>
      <c r="E111" s="26"/>
      <c r="F111" s="26"/>
      <c r="G111" s="27"/>
      <c r="H111" s="27"/>
      <c r="I111" s="26"/>
      <c r="J111" s="26"/>
    </row>
    <row r="112" spans="1:10" s="4" customFormat="1" ht="14">
      <c r="A112" s="54" t="s">
        <v>134</v>
      </c>
      <c r="B112" s="54"/>
      <c r="C112" s="54"/>
      <c r="D112" s="54"/>
      <c r="E112" s="54"/>
      <c r="F112" s="25"/>
      <c r="G112" s="29" t="s">
        <v>154</v>
      </c>
      <c r="H112" s="25"/>
      <c r="I112" s="25"/>
      <c r="J112" s="25" t="s">
        <v>42</v>
      </c>
    </row>
    <row r="113" spans="1:11" s="4" customFormat="1" ht="14.25" customHeight="1">
      <c r="F113" s="7"/>
      <c r="G113" s="7"/>
      <c r="H113" s="7"/>
      <c r="I113" s="7"/>
    </row>
    <row r="114" spans="1:11" s="4" customFormat="1" ht="14.25" customHeight="1">
      <c r="G114" s="14"/>
      <c r="H114" s="7"/>
    </row>
    <row r="115" spans="1:11" s="4" customFormat="1" ht="14.25" customHeight="1">
      <c r="A115" s="19" t="s">
        <v>114</v>
      </c>
    </row>
    <row r="116" spans="1:11" ht="14.25" customHeight="1">
      <c r="A116" s="19"/>
      <c r="B116" s="19"/>
      <c r="C116" s="19"/>
      <c r="D116" s="19"/>
      <c r="E116" s="19"/>
      <c r="F116" s="21"/>
      <c r="G116" s="21"/>
      <c r="H116" s="30"/>
      <c r="I116" s="30"/>
      <c r="J116" s="21"/>
      <c r="K116" s="31"/>
    </row>
    <row r="117" spans="1:11" s="4" customFormat="1" ht="14.25" customHeight="1">
      <c r="A117" s="4" t="s">
        <v>46</v>
      </c>
      <c r="G117" s="7" t="s">
        <v>43</v>
      </c>
      <c r="H117" s="7" t="s">
        <v>42</v>
      </c>
      <c r="J117" s="7"/>
    </row>
    <row r="118" spans="1:11" s="4" customFormat="1" ht="14.25" customHeight="1">
      <c r="A118" s="4" t="s">
        <v>45</v>
      </c>
      <c r="J118" s="7"/>
    </row>
    <row r="119" spans="1:11" s="4" customFormat="1" ht="14.25" customHeight="1">
      <c r="J119" s="7"/>
    </row>
    <row r="120" spans="1:11" s="4" customFormat="1" ht="14.25" customHeight="1">
      <c r="A120" s="4" t="s">
        <v>131</v>
      </c>
      <c r="G120" s="7" t="s">
        <v>43</v>
      </c>
      <c r="H120" s="7" t="s">
        <v>42</v>
      </c>
      <c r="J120" s="7"/>
    </row>
    <row r="121" spans="1:11" s="4" customFormat="1" ht="14.25" customHeight="1">
      <c r="J121" s="7"/>
    </row>
    <row r="122" spans="1:11" s="4" customFormat="1" ht="14.25" customHeight="1">
      <c r="A122" s="4" t="s">
        <v>44</v>
      </c>
      <c r="G122" s="4" t="s">
        <v>43</v>
      </c>
      <c r="H122" s="4" t="s">
        <v>42</v>
      </c>
      <c r="J122" s="7"/>
    </row>
    <row r="123" spans="1:11" s="4" customFormat="1" ht="14.25" customHeight="1">
      <c r="A123" s="4" t="s">
        <v>41</v>
      </c>
      <c r="J123" s="7"/>
    </row>
    <row r="124" spans="1:11" s="4" customFormat="1" ht="14.25" customHeight="1">
      <c r="J124" s="7"/>
    </row>
    <row r="125" spans="1:11" s="4" customFormat="1" ht="14.25" customHeight="1">
      <c r="A125" s="4" t="s">
        <v>155</v>
      </c>
      <c r="G125" s="4" t="s">
        <v>43</v>
      </c>
      <c r="H125" s="4" t="s">
        <v>42</v>
      </c>
      <c r="J125" s="7"/>
    </row>
    <row r="126" spans="1:11" s="4" customFormat="1" ht="16.5" customHeight="1">
      <c r="J126" s="7"/>
    </row>
    <row r="127" spans="1:11" s="4" customFormat="1" ht="14">
      <c r="A127" s="4" t="s">
        <v>156</v>
      </c>
      <c r="G127" s="7" t="s">
        <v>43</v>
      </c>
      <c r="H127" s="7" t="s">
        <v>42</v>
      </c>
    </row>
    <row r="128" spans="1:11" s="4" customFormat="1" ht="14">
      <c r="G128" s="7"/>
      <c r="H128" s="7"/>
    </row>
    <row r="129" spans="1:8" s="4" customFormat="1" ht="14">
      <c r="A129" s="4" t="s">
        <v>135</v>
      </c>
      <c r="G129" s="7" t="s">
        <v>43</v>
      </c>
      <c r="H129" s="7" t="s">
        <v>42</v>
      </c>
    </row>
    <row r="130" spans="1:8" s="4" customFormat="1" ht="14">
      <c r="G130" s="7"/>
      <c r="H130" s="7"/>
    </row>
    <row r="131" spans="1:8" s="4" customFormat="1" ht="14">
      <c r="A131" s="4" t="s">
        <v>136</v>
      </c>
      <c r="G131" s="7" t="s">
        <v>43</v>
      </c>
      <c r="H131" s="7" t="s">
        <v>42</v>
      </c>
    </row>
    <row r="132" spans="1:8" s="4" customFormat="1" ht="14.25" customHeight="1">
      <c r="G132" s="7"/>
      <c r="H132" s="7"/>
    </row>
    <row r="133" spans="1:8" s="4" customFormat="1" ht="14.25" customHeight="1">
      <c r="A133" s="4" t="s">
        <v>157</v>
      </c>
      <c r="G133" s="7"/>
      <c r="H133" s="7"/>
    </row>
    <row r="134" spans="1:8" s="4" customFormat="1" ht="14.25" customHeight="1">
      <c r="A134" s="4" t="s">
        <v>40</v>
      </c>
      <c r="G134" s="7"/>
      <c r="H134" s="7"/>
    </row>
    <row r="135" spans="1:8" s="4" customFormat="1" ht="14.25" customHeight="1">
      <c r="G135" s="7"/>
      <c r="H135" s="7"/>
    </row>
    <row r="136" spans="1:8" s="4" customFormat="1" ht="14.25" customHeight="1">
      <c r="B136" s="33" t="s">
        <v>39</v>
      </c>
      <c r="C136" s="33" t="s">
        <v>39</v>
      </c>
      <c r="D136" s="33" t="s">
        <v>39</v>
      </c>
      <c r="E136" s="33" t="s">
        <v>39</v>
      </c>
      <c r="F136" s="33" t="s">
        <v>39</v>
      </c>
      <c r="G136" s="33" t="s">
        <v>39</v>
      </c>
      <c r="H136" s="7"/>
    </row>
    <row r="137" spans="1:8" s="4" customFormat="1" ht="14.25" customHeight="1">
      <c r="B137" s="33" t="s">
        <v>38</v>
      </c>
      <c r="C137" s="33" t="s">
        <v>38</v>
      </c>
      <c r="D137" s="33" t="s">
        <v>38</v>
      </c>
      <c r="E137" s="33" t="s">
        <v>38</v>
      </c>
      <c r="F137" s="33" t="s">
        <v>38</v>
      </c>
      <c r="G137" s="33" t="s">
        <v>38</v>
      </c>
      <c r="H137" s="7"/>
    </row>
    <row r="138" spans="1:8" s="4" customFormat="1" ht="14.25" customHeight="1">
      <c r="B138" s="33" t="s">
        <v>39</v>
      </c>
      <c r="C138" s="33" t="s">
        <v>39</v>
      </c>
      <c r="D138" s="33" t="s">
        <v>39</v>
      </c>
      <c r="E138" s="33" t="s">
        <v>39</v>
      </c>
      <c r="F138" s="33" t="s">
        <v>39</v>
      </c>
      <c r="G138" s="33" t="s">
        <v>39</v>
      </c>
      <c r="H138" s="7"/>
    </row>
    <row r="139" spans="1:8" s="4" customFormat="1" ht="14.25" customHeight="1">
      <c r="B139" s="33" t="s">
        <v>38</v>
      </c>
      <c r="C139" s="33" t="s">
        <v>38</v>
      </c>
      <c r="D139" s="33" t="s">
        <v>38</v>
      </c>
      <c r="E139" s="33" t="s">
        <v>38</v>
      </c>
      <c r="F139" s="33" t="s">
        <v>38</v>
      </c>
      <c r="G139" s="33" t="s">
        <v>38</v>
      </c>
      <c r="H139" s="7"/>
    </row>
    <row r="140" spans="1:8" s="4" customFormat="1" ht="14.25" customHeight="1">
      <c r="B140" s="12"/>
      <c r="C140" s="12"/>
      <c r="D140" s="12"/>
      <c r="E140" s="12"/>
      <c r="F140" s="12"/>
      <c r="G140" s="12"/>
      <c r="H140" s="7"/>
    </row>
    <row r="141" spans="1:8" s="4" customFormat="1" ht="14.25" customHeight="1">
      <c r="A141" s="4" t="s">
        <v>158</v>
      </c>
      <c r="G141" s="7"/>
      <c r="H141" s="7"/>
    </row>
    <row r="142" spans="1:8" s="4" customFormat="1" ht="14.25" customHeight="1">
      <c r="A142" s="55" t="s">
        <v>37</v>
      </c>
      <c r="B142" s="55"/>
      <c r="C142" s="55"/>
      <c r="D142" s="55"/>
      <c r="E142" s="55"/>
      <c r="F142" s="55"/>
      <c r="G142" s="55"/>
      <c r="H142" s="55"/>
    </row>
    <row r="143" spans="1:8" s="4" customFormat="1" ht="14.25" customHeight="1">
      <c r="G143" s="7"/>
      <c r="H143" s="7"/>
    </row>
    <row r="144" spans="1:8" s="4" customFormat="1" ht="14.25" customHeight="1">
      <c r="B144" s="34" t="s">
        <v>36</v>
      </c>
      <c r="C144" s="34" t="s">
        <v>36</v>
      </c>
      <c r="D144" s="34" t="s">
        <v>36</v>
      </c>
      <c r="E144" s="34" t="s">
        <v>36</v>
      </c>
      <c r="F144" s="34" t="s">
        <v>36</v>
      </c>
      <c r="G144" s="34" t="s">
        <v>36</v>
      </c>
    </row>
    <row r="145" spans="1:8" s="4" customFormat="1" ht="14.25" customHeight="1">
      <c r="B145" s="35" t="s">
        <v>35</v>
      </c>
      <c r="C145" s="35" t="s">
        <v>35</v>
      </c>
      <c r="D145" s="35" t="s">
        <v>35</v>
      </c>
      <c r="E145" s="35" t="s">
        <v>35</v>
      </c>
      <c r="F145" s="35" t="s">
        <v>35</v>
      </c>
      <c r="G145" s="35" t="s">
        <v>35</v>
      </c>
    </row>
    <row r="146" spans="1:8" s="4" customFormat="1" ht="14.25" customHeight="1">
      <c r="B146" s="35" t="s">
        <v>34</v>
      </c>
      <c r="C146" s="35" t="s">
        <v>34</v>
      </c>
      <c r="D146" s="35" t="s">
        <v>34</v>
      </c>
      <c r="E146" s="35" t="s">
        <v>34</v>
      </c>
      <c r="F146" s="35" t="s">
        <v>34</v>
      </c>
      <c r="G146" s="35" t="s">
        <v>34</v>
      </c>
    </row>
    <row r="147" spans="1:8" s="4" customFormat="1" ht="14.25" customHeight="1">
      <c r="B147" s="34" t="s">
        <v>36</v>
      </c>
      <c r="C147" s="34" t="s">
        <v>36</v>
      </c>
      <c r="D147" s="34" t="s">
        <v>36</v>
      </c>
      <c r="E147" s="34" t="s">
        <v>36</v>
      </c>
      <c r="F147" s="34" t="s">
        <v>36</v>
      </c>
      <c r="G147" s="34" t="s">
        <v>36</v>
      </c>
    </row>
    <row r="148" spans="1:8" s="4" customFormat="1" ht="14.25" customHeight="1">
      <c r="B148" s="35" t="s">
        <v>35</v>
      </c>
      <c r="C148" s="35" t="s">
        <v>35</v>
      </c>
      <c r="D148" s="35" t="s">
        <v>35</v>
      </c>
      <c r="E148" s="35" t="s">
        <v>35</v>
      </c>
      <c r="F148" s="35" t="s">
        <v>35</v>
      </c>
      <c r="G148" s="35" t="s">
        <v>35</v>
      </c>
    </row>
    <row r="149" spans="1:8" s="4" customFormat="1" ht="14.25" customHeight="1">
      <c r="B149" s="35" t="s">
        <v>34</v>
      </c>
      <c r="C149" s="35" t="s">
        <v>34</v>
      </c>
      <c r="D149" s="35" t="s">
        <v>34</v>
      </c>
      <c r="E149" s="35" t="s">
        <v>34</v>
      </c>
      <c r="F149" s="35" t="s">
        <v>34</v>
      </c>
      <c r="G149" s="35" t="s">
        <v>34</v>
      </c>
    </row>
    <row r="150" spans="1:8" s="4" customFormat="1" ht="14.25" customHeight="1"/>
    <row r="151" spans="1:8" s="4" customFormat="1" ht="14.25" customHeight="1">
      <c r="A151" s="4" t="s">
        <v>115</v>
      </c>
    </row>
    <row r="152" spans="1:8" s="4" customFormat="1" ht="14.25" customHeight="1"/>
    <row r="153" spans="1:8" s="4" customFormat="1" ht="14.25" customHeight="1">
      <c r="G153" s="6"/>
      <c r="H153" s="4" t="s">
        <v>49</v>
      </c>
    </row>
    <row r="154" spans="1:8" s="4" customFormat="1" ht="14.25" customHeight="1"/>
    <row r="155" spans="1:8" s="4" customFormat="1" ht="14.25" customHeight="1">
      <c r="G155" s="6"/>
      <c r="H155" s="4" t="s">
        <v>49</v>
      </c>
    </row>
    <row r="156" spans="1:8" s="4" customFormat="1" ht="14.25" customHeight="1"/>
    <row r="157" spans="1:8" s="4" customFormat="1" ht="14.25" customHeight="1"/>
    <row r="158" spans="1:8" s="4" customFormat="1" ht="14.25" customHeight="1">
      <c r="A158" s="4" t="s">
        <v>116</v>
      </c>
    </row>
    <row r="159" spans="1:8" s="4" customFormat="1" ht="14.25" customHeight="1">
      <c r="A159" s="4" t="s">
        <v>50</v>
      </c>
    </row>
    <row r="160" spans="1:8" s="4" customFormat="1" ht="14.25" customHeight="1">
      <c r="A160" s="4" t="s">
        <v>9</v>
      </c>
    </row>
    <row r="161" spans="1:9" s="4" customFormat="1" ht="14.25" customHeight="1"/>
    <row r="162" spans="1:9" s="4" customFormat="1" ht="14.25" customHeight="1">
      <c r="E162" s="4" t="s">
        <v>51</v>
      </c>
      <c r="G162" s="7" t="s">
        <v>52</v>
      </c>
    </row>
    <row r="163" spans="1:9" s="4" customFormat="1" ht="14.25" customHeight="1"/>
    <row r="164" spans="1:9" s="4" customFormat="1" ht="14.25" customHeight="1">
      <c r="A164" s="4" t="s">
        <v>84</v>
      </c>
    </row>
    <row r="165" spans="1:9" s="4" customFormat="1" ht="14.25" customHeight="1">
      <c r="A165" s="36" t="s">
        <v>85</v>
      </c>
    </row>
    <row r="166" spans="1:9" s="4" customFormat="1" ht="14.25" customHeight="1">
      <c r="A166" s="4" t="s">
        <v>86</v>
      </c>
      <c r="B166" s="7"/>
      <c r="D166" s="7"/>
    </row>
    <row r="167" spans="1:9" s="4" customFormat="1" ht="14.25" customHeight="1"/>
    <row r="168" spans="1:9" s="4" customFormat="1" ht="14.25" customHeight="1">
      <c r="B168" s="56" t="s">
        <v>53</v>
      </c>
      <c r="C168" s="57"/>
      <c r="D168" s="57"/>
      <c r="E168" s="58"/>
      <c r="F168" s="37" t="s">
        <v>54</v>
      </c>
      <c r="G168" s="56" t="s">
        <v>55</v>
      </c>
      <c r="H168" s="57"/>
      <c r="I168" s="58"/>
    </row>
    <row r="169" spans="1:9" s="4" customFormat="1" ht="14.25" customHeight="1">
      <c r="B169" s="59" t="s">
        <v>56</v>
      </c>
      <c r="C169" s="38" t="s">
        <v>57</v>
      </c>
      <c r="D169" s="39"/>
      <c r="E169" s="40"/>
      <c r="F169" s="41" t="s">
        <v>58</v>
      </c>
      <c r="G169" s="42" t="s">
        <v>59</v>
      </c>
      <c r="H169" s="43"/>
      <c r="I169" s="44"/>
    </row>
    <row r="170" spans="1:9" s="4" customFormat="1" ht="14.25" customHeight="1">
      <c r="B170" s="60"/>
      <c r="C170" s="38" t="s">
        <v>60</v>
      </c>
      <c r="D170" s="39"/>
      <c r="E170" s="40"/>
      <c r="F170" s="41" t="s">
        <v>58</v>
      </c>
      <c r="G170" s="42" t="s">
        <v>59</v>
      </c>
      <c r="H170" s="43"/>
      <c r="I170" s="44"/>
    </row>
    <row r="171" spans="1:9" s="4" customFormat="1" ht="14.25" customHeight="1">
      <c r="B171" s="60"/>
      <c r="C171" s="62" t="s">
        <v>61</v>
      </c>
      <c r="D171" s="63"/>
      <c r="E171" s="64"/>
      <c r="F171" s="41" t="s">
        <v>58</v>
      </c>
      <c r="G171" s="42" t="s">
        <v>62</v>
      </c>
      <c r="H171" s="43"/>
      <c r="I171" s="44"/>
    </row>
    <row r="172" spans="1:9" s="4" customFormat="1" ht="14.25" customHeight="1">
      <c r="B172" s="61"/>
      <c r="C172" s="62" t="s">
        <v>63</v>
      </c>
      <c r="D172" s="63"/>
      <c r="E172" s="64"/>
      <c r="F172" s="41" t="s">
        <v>58</v>
      </c>
      <c r="G172" s="42" t="s">
        <v>59</v>
      </c>
      <c r="H172" s="43"/>
      <c r="I172" s="44"/>
    </row>
    <row r="173" spans="1:9" s="4" customFormat="1" ht="14.25" customHeight="1">
      <c r="B173" s="65" t="s">
        <v>64</v>
      </c>
      <c r="C173" s="45" t="s">
        <v>65</v>
      </c>
      <c r="D173" s="46"/>
      <c r="E173" s="47"/>
      <c r="F173" s="41" t="s">
        <v>58</v>
      </c>
      <c r="G173" s="42" t="s">
        <v>59</v>
      </c>
      <c r="H173" s="43"/>
      <c r="I173" s="44"/>
    </row>
    <row r="174" spans="1:9" s="4" customFormat="1" ht="14.25" customHeight="1">
      <c r="B174" s="66"/>
      <c r="C174" s="45" t="s">
        <v>66</v>
      </c>
      <c r="D174" s="46"/>
      <c r="E174" s="47"/>
      <c r="F174" s="41" t="s">
        <v>58</v>
      </c>
      <c r="G174" s="42" t="s">
        <v>59</v>
      </c>
      <c r="H174" s="43"/>
      <c r="I174" s="44"/>
    </row>
    <row r="175" spans="1:9" s="4" customFormat="1" ht="14.25" customHeight="1">
      <c r="B175" s="66"/>
      <c r="C175" s="45" t="s">
        <v>67</v>
      </c>
      <c r="D175" s="46"/>
      <c r="E175" s="47"/>
      <c r="F175" s="41" t="s">
        <v>58</v>
      </c>
      <c r="G175" s="42" t="s">
        <v>68</v>
      </c>
      <c r="H175" s="43"/>
      <c r="I175" s="44"/>
    </row>
    <row r="176" spans="1:9" s="4" customFormat="1" ht="14.25" customHeight="1">
      <c r="B176" s="66"/>
      <c r="C176" s="45" t="s">
        <v>69</v>
      </c>
      <c r="D176" s="46"/>
      <c r="E176" s="47"/>
      <c r="F176" s="41" t="s">
        <v>58</v>
      </c>
      <c r="G176" s="42" t="s">
        <v>68</v>
      </c>
      <c r="H176" s="43"/>
      <c r="I176" s="44"/>
    </row>
    <row r="177" spans="1:9" s="4" customFormat="1" ht="14.25" customHeight="1">
      <c r="B177" s="66"/>
      <c r="C177" s="45" t="s">
        <v>70</v>
      </c>
      <c r="D177" s="46"/>
      <c r="E177" s="47"/>
      <c r="F177" s="41" t="s">
        <v>58</v>
      </c>
      <c r="G177" s="42" t="s">
        <v>68</v>
      </c>
      <c r="H177" s="43"/>
      <c r="I177" s="44"/>
    </row>
    <row r="178" spans="1:9" s="4" customFormat="1" ht="14.25" customHeight="1">
      <c r="B178" s="66"/>
      <c r="C178" s="45" t="s">
        <v>71</v>
      </c>
      <c r="D178" s="46"/>
      <c r="E178" s="47"/>
      <c r="F178" s="41" t="s">
        <v>58</v>
      </c>
      <c r="G178" s="42" t="s">
        <v>68</v>
      </c>
      <c r="H178" s="43"/>
      <c r="I178" s="44"/>
    </row>
    <row r="179" spans="1:9" s="4" customFormat="1" ht="14.25" customHeight="1">
      <c r="B179" s="66"/>
      <c r="C179" s="45" t="s">
        <v>72</v>
      </c>
      <c r="D179" s="46"/>
      <c r="E179" s="47"/>
      <c r="F179" s="41" t="s">
        <v>58</v>
      </c>
      <c r="G179" s="42" t="s">
        <v>68</v>
      </c>
      <c r="H179" s="43"/>
      <c r="I179" s="44"/>
    </row>
    <row r="180" spans="1:9" s="4" customFormat="1" ht="14.25" customHeight="1">
      <c r="B180" s="66"/>
      <c r="C180" s="62" t="s">
        <v>73</v>
      </c>
      <c r="D180" s="63"/>
      <c r="E180" s="64"/>
      <c r="F180" s="41" t="s">
        <v>58</v>
      </c>
      <c r="G180" s="42" t="s">
        <v>59</v>
      </c>
      <c r="H180" s="43"/>
      <c r="I180" s="44"/>
    </row>
    <row r="181" spans="1:9" s="4" customFormat="1" ht="14.25" customHeight="1">
      <c r="A181" s="48"/>
      <c r="B181" s="66"/>
      <c r="C181" s="45" t="s">
        <v>74</v>
      </c>
      <c r="D181" s="46"/>
      <c r="E181" s="47"/>
      <c r="F181" s="41" t="s">
        <v>58</v>
      </c>
      <c r="G181" s="42" t="s">
        <v>59</v>
      </c>
      <c r="H181" s="43"/>
      <c r="I181" s="44"/>
    </row>
    <row r="182" spans="1:9" s="4" customFormat="1" ht="14.25" customHeight="1">
      <c r="B182" s="66"/>
      <c r="C182" s="45" t="s">
        <v>75</v>
      </c>
      <c r="D182" s="46"/>
      <c r="E182" s="47"/>
      <c r="F182" s="41" t="s">
        <v>58</v>
      </c>
      <c r="G182" s="42" t="s">
        <v>68</v>
      </c>
      <c r="H182" s="43"/>
      <c r="I182" s="44"/>
    </row>
    <row r="183" spans="1:9" s="4" customFormat="1" ht="14.25" customHeight="1">
      <c r="B183" s="66"/>
      <c r="C183" s="62" t="s">
        <v>76</v>
      </c>
      <c r="D183" s="63"/>
      <c r="E183" s="64"/>
      <c r="F183" s="41" t="s">
        <v>58</v>
      </c>
      <c r="G183" s="42" t="s">
        <v>68</v>
      </c>
      <c r="H183" s="43"/>
      <c r="I183" s="44"/>
    </row>
    <row r="184" spans="1:9" s="4" customFormat="1" ht="14.25" customHeight="1">
      <c r="B184" s="67"/>
      <c r="C184" s="45" t="s">
        <v>77</v>
      </c>
      <c r="D184" s="46"/>
      <c r="E184" s="47"/>
      <c r="F184" s="41" t="s">
        <v>58</v>
      </c>
      <c r="G184" s="42" t="s">
        <v>78</v>
      </c>
      <c r="H184" s="43"/>
      <c r="I184" s="44"/>
    </row>
    <row r="185" spans="1:9" s="4" customFormat="1" ht="14.25" customHeight="1">
      <c r="B185" s="68" t="s">
        <v>87</v>
      </c>
      <c r="C185" s="69"/>
      <c r="D185" s="69"/>
      <c r="E185" s="70"/>
      <c r="F185" s="41" t="s">
        <v>79</v>
      </c>
      <c r="G185" s="71" t="s">
        <v>68</v>
      </c>
      <c r="H185" s="72"/>
      <c r="I185" s="73"/>
    </row>
    <row r="186" spans="1:9" s="4" customFormat="1" ht="14.25" customHeight="1">
      <c r="G186" s="7"/>
      <c r="H186" s="7"/>
    </row>
    <row r="187" spans="1:9" s="4" customFormat="1" ht="14.25" customHeight="1">
      <c r="A187" s="4" t="s">
        <v>117</v>
      </c>
    </row>
    <row r="188" spans="1:9" s="4" customFormat="1" ht="14.25" customHeight="1">
      <c r="A188" s="4" t="s">
        <v>80</v>
      </c>
    </row>
    <row r="189" spans="1:9" s="4" customFormat="1" ht="14.25" customHeight="1"/>
    <row r="190" spans="1:9" s="4" customFormat="1" ht="14.25" customHeight="1">
      <c r="B190" s="7"/>
      <c r="E190" s="4" t="s">
        <v>51</v>
      </c>
      <c r="G190" s="7" t="s">
        <v>52</v>
      </c>
      <c r="H190" s="7"/>
    </row>
    <row r="191" spans="1:9" s="4" customFormat="1" ht="14.25" customHeight="1">
      <c r="B191" s="7"/>
      <c r="D191" s="7"/>
      <c r="G191" s="7"/>
      <c r="H191" s="7"/>
    </row>
    <row r="192" spans="1:9" s="4" customFormat="1" ht="14.25" customHeight="1">
      <c r="A192" s="4" t="s">
        <v>88</v>
      </c>
    </row>
    <row r="193" spans="1:9" s="4" customFormat="1" ht="14.25" customHeight="1">
      <c r="A193" s="36" t="s">
        <v>89</v>
      </c>
    </row>
    <row r="194" spans="1:9" s="4" customFormat="1" ht="14.25" customHeight="1">
      <c r="G194" s="7"/>
      <c r="H194" s="7"/>
    </row>
    <row r="195" spans="1:9" s="4" customFormat="1" ht="14.25" customHeight="1">
      <c r="C195" s="7"/>
      <c r="E195" s="4" t="s">
        <v>51</v>
      </c>
      <c r="G195" s="7" t="s">
        <v>52</v>
      </c>
      <c r="H195" s="7"/>
    </row>
    <row r="196" spans="1:9" s="4" customFormat="1" ht="14.25" customHeight="1">
      <c r="G196" s="7"/>
      <c r="H196" s="7"/>
    </row>
    <row r="197" spans="1:9" s="4" customFormat="1" ht="14.25" customHeight="1">
      <c r="A197" s="36" t="s">
        <v>90</v>
      </c>
    </row>
    <row r="198" spans="1:9" s="4" customFormat="1" ht="14.25" customHeight="1">
      <c r="G198" s="7"/>
      <c r="H198" s="7"/>
    </row>
    <row r="199" spans="1:9" s="4" customFormat="1" ht="14.25" customHeight="1">
      <c r="C199" s="7"/>
      <c r="E199" s="4" t="s">
        <v>51</v>
      </c>
      <c r="G199" s="7" t="s">
        <v>52</v>
      </c>
      <c r="H199" s="7"/>
    </row>
    <row r="200" spans="1:9" s="4" customFormat="1" ht="14.25" customHeight="1">
      <c r="G200" s="7"/>
      <c r="H200" s="7"/>
    </row>
    <row r="201" spans="1:9" s="4" customFormat="1" ht="14.25" customHeight="1">
      <c r="A201" s="36" t="s">
        <v>91</v>
      </c>
    </row>
    <row r="202" spans="1:9" s="4" customFormat="1" ht="14.25" customHeight="1"/>
    <row r="203" spans="1:9" s="4" customFormat="1" ht="14.25" customHeight="1">
      <c r="C203" s="7"/>
      <c r="E203" s="4" t="s">
        <v>51</v>
      </c>
      <c r="G203" s="7" t="s">
        <v>52</v>
      </c>
      <c r="H203" s="7"/>
    </row>
    <row r="204" spans="1:9" s="4" customFormat="1" ht="14.25" customHeight="1">
      <c r="C204" s="7"/>
      <c r="G204" s="7"/>
      <c r="H204" s="7"/>
    </row>
    <row r="205" spans="1:9" s="4" customFormat="1" ht="14">
      <c r="A205" s="4" t="s">
        <v>124</v>
      </c>
      <c r="G205" s="7" t="s">
        <v>118</v>
      </c>
      <c r="H205" s="7"/>
      <c r="I205" s="4" t="s">
        <v>119</v>
      </c>
    </row>
    <row r="206" spans="1:9" s="4" customFormat="1" ht="14">
      <c r="A206" s="4" t="s">
        <v>120</v>
      </c>
      <c r="G206" s="7"/>
      <c r="H206" s="7"/>
    </row>
    <row r="207" spans="1:9" s="4" customFormat="1" ht="14">
      <c r="G207" s="7"/>
      <c r="H207" s="7"/>
    </row>
    <row r="208" spans="1:9" s="4" customFormat="1" ht="14">
      <c r="A208" s="4" t="s">
        <v>125</v>
      </c>
      <c r="G208" s="7" t="s">
        <v>121</v>
      </c>
      <c r="H208" s="7" t="s">
        <v>122</v>
      </c>
    </row>
    <row r="209" spans="1:9" s="4" customFormat="1" ht="14">
      <c r="A209" s="4" t="s">
        <v>123</v>
      </c>
      <c r="G209" s="7"/>
      <c r="H209" s="7"/>
    </row>
    <row r="210" spans="1:9" s="4" customFormat="1" ht="14">
      <c r="G210" s="7"/>
      <c r="H210" s="7"/>
    </row>
    <row r="211" spans="1:9" s="4" customFormat="1" ht="14">
      <c r="A211" s="4" t="s">
        <v>151</v>
      </c>
      <c r="G211" s="4" t="s">
        <v>51</v>
      </c>
      <c r="H211" s="7" t="s">
        <v>52</v>
      </c>
      <c r="I211" s="7"/>
    </row>
    <row r="212" spans="1:9" s="4" customFormat="1" ht="14">
      <c r="A212" s="4" t="s">
        <v>152</v>
      </c>
      <c r="G212" s="7"/>
      <c r="H212" s="7"/>
    </row>
    <row r="213" spans="1:9" s="4" customFormat="1" ht="14.25" customHeight="1">
      <c r="C213" s="7"/>
      <c r="G213" s="7"/>
      <c r="H213" s="7"/>
    </row>
    <row r="214" spans="1:9" s="4" customFormat="1" ht="14.25" customHeight="1">
      <c r="A214" s="4" t="s">
        <v>92</v>
      </c>
    </row>
    <row r="215" spans="1:9" s="4" customFormat="1" ht="14.25" customHeight="1"/>
    <row r="216" spans="1:9" s="4" customFormat="1" ht="14.25" customHeight="1">
      <c r="A216" s="5" t="s">
        <v>95</v>
      </c>
      <c r="B216" s="4" t="s">
        <v>159</v>
      </c>
    </row>
    <row r="217" spans="1:9" s="4" customFormat="1" ht="14.25" customHeight="1">
      <c r="A217" s="5"/>
      <c r="B217" s="4" t="s">
        <v>96</v>
      </c>
    </row>
    <row r="218" spans="1:9" s="4" customFormat="1" ht="14.25" customHeight="1">
      <c r="A218" s="5" t="s">
        <v>95</v>
      </c>
      <c r="B218" s="4" t="s">
        <v>159</v>
      </c>
    </row>
    <row r="219" spans="1:9" s="4" customFormat="1" ht="14.25" customHeight="1">
      <c r="A219" s="5"/>
      <c r="B219" s="4" t="s">
        <v>97</v>
      </c>
    </row>
    <row r="220" spans="1:9" s="4" customFormat="1" ht="14.25" customHeight="1">
      <c r="A220" s="5" t="s">
        <v>95</v>
      </c>
      <c r="B220" s="4" t="s">
        <v>6</v>
      </c>
    </row>
    <row r="221" spans="1:9" s="4" customFormat="1" ht="14.25" customHeight="1">
      <c r="A221" s="5" t="s">
        <v>95</v>
      </c>
      <c r="B221" s="4" t="s">
        <v>8</v>
      </c>
    </row>
    <row r="222" spans="1:9" s="4" customFormat="1" ht="14.25" customHeight="1">
      <c r="A222" s="5" t="s">
        <v>95</v>
      </c>
      <c r="B222" s="4" t="s">
        <v>7</v>
      </c>
    </row>
    <row r="223" spans="1:9" s="4" customFormat="1" ht="14.25" customHeight="1">
      <c r="A223" s="5" t="s">
        <v>95</v>
      </c>
      <c r="B223" s="4" t="s">
        <v>5</v>
      </c>
    </row>
    <row r="224" spans="1:9" s="4" customFormat="1" ht="14.25" customHeight="1">
      <c r="A224" s="5" t="s">
        <v>95</v>
      </c>
      <c r="B224" s="4" t="s">
        <v>4</v>
      </c>
    </row>
    <row r="225" spans="1:2" s="4" customFormat="1" ht="14.25" customHeight="1">
      <c r="A225" s="5" t="s">
        <v>95</v>
      </c>
      <c r="B225" s="4" t="s">
        <v>3</v>
      </c>
    </row>
    <row r="226" spans="1:2" s="4" customFormat="1" ht="14.25" customHeight="1">
      <c r="A226" s="5" t="s">
        <v>95</v>
      </c>
      <c r="B226" s="4" t="s">
        <v>2</v>
      </c>
    </row>
    <row r="227" spans="1:2" s="4" customFormat="1" ht="14.25" customHeight="1">
      <c r="A227" s="5" t="s">
        <v>95</v>
      </c>
      <c r="B227" s="4" t="s">
        <v>1</v>
      </c>
    </row>
    <row r="228" spans="1:2" s="4" customFormat="1" ht="14.25" customHeight="1">
      <c r="A228" s="5" t="s">
        <v>95</v>
      </c>
      <c r="B228" s="4" t="s">
        <v>0</v>
      </c>
    </row>
    <row r="229" spans="1:2" s="4" customFormat="1" ht="14"/>
    <row r="230" spans="1:2" s="4" customFormat="1" ht="14">
      <c r="A230" s="4" t="s">
        <v>94</v>
      </c>
    </row>
  </sheetData>
  <mergeCells count="16">
    <mergeCell ref="B173:B184"/>
    <mergeCell ref="C180:E180"/>
    <mergeCell ref="C183:E183"/>
    <mergeCell ref="B185:E185"/>
    <mergeCell ref="G185:I185"/>
    <mergeCell ref="A142:H142"/>
    <mergeCell ref="B168:E168"/>
    <mergeCell ref="G168:I168"/>
    <mergeCell ref="B169:B172"/>
    <mergeCell ref="C171:E171"/>
    <mergeCell ref="C172:E172"/>
    <mergeCell ref="F2:J2"/>
    <mergeCell ref="A1:J1"/>
    <mergeCell ref="G63:I63"/>
    <mergeCell ref="F59:J59"/>
    <mergeCell ref="A112:E112"/>
  </mergeCells>
  <phoneticPr fontId="1"/>
  <pageMargins left="0.78740157480314965" right="0.39370078740157483" top="0.59055118110236227" bottom="0.59055118110236227" header="0.70866141732283472" footer="0.11811023622047245"/>
  <pageSetup paperSize="9" scale="99" orientation="portrait" r:id="rId1"/>
  <headerFooter alignWithMargins="0">
    <oddFooter>&amp;C&amp;P</oddFooter>
  </headerFooter>
  <rowBreaks count="4" manualBreakCount="4">
    <brk id="56" max="9" man="1"/>
    <brk id="111" max="9" man="1"/>
    <brk id="162" max="9" man="1"/>
    <brk id="214"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福祉型障害児入所</vt:lpstr>
      <vt:lpstr>福祉型障害児入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4-07-19T11:28:55Z</cp:lastPrinted>
  <dcterms:created xsi:type="dcterms:W3CDTF">2019-05-26T23:57:50Z</dcterms:created>
  <dcterms:modified xsi:type="dcterms:W3CDTF">2025-08-05T08:51:21Z</dcterms:modified>
</cp:coreProperties>
</file>